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126"/>
  <workbookPr filterPrivacy="1" backupFile="1" saveExternalLinkValues="0" codeName="ThisWorkbook" defaultThemeVersion="124226"/>
  <xr:revisionPtr revIDLastSave="0" documentId="13_ncr:1_{F15BAFC6-4756-4750-85B4-B15549704AC8}" xr6:coauthVersionLast="47" xr6:coauthVersionMax="47" xr10:uidLastSave="{00000000-0000-0000-0000-000000000000}"/>
  <workbookProtection lockWindows="1"/>
  <bookViews>
    <workbookView xWindow="-108" yWindow="-108" windowWidth="22428" windowHeight="12576" tabRatio="689" xr2:uid="{00000000-000D-0000-FFFF-FFFF00000000}"/>
  </bookViews>
  <sheets>
    <sheet name="(1)テレ為替取扱高の推移①コア" sheetId="20" r:id="rId1"/>
    <sheet name="(1)②モア" sheetId="21" r:id="rId2"/>
    <sheet name="(1)③コアおよびモア" sheetId="22" r:id="rId3"/>
    <sheet name="(2)新ファイル転送取扱高の推移" sheetId="23" r:id="rId4"/>
    <sheet name="(3)加盟銀行数・店舗数①コア" sheetId="24" r:id="rId5"/>
    <sheet name="(3)②モア" sheetId="25" r:id="rId6"/>
  </sheets>
  <externalReferences>
    <externalReference r:id="rId7"/>
    <externalReference r:id="rId8"/>
    <externalReference r:id="rId9"/>
    <externalReference r:id="rId10"/>
  </externalReferences>
  <definedNames>
    <definedName name="_xlnm.Print_Area" localSheetId="1">'(1)②モア'!$A$1:$J$49</definedName>
    <definedName name="_xlnm.Print_Area" localSheetId="2">'(1)③コアおよびモア'!$A$1:$O$124</definedName>
    <definedName name="_xlnm.Print_Area" localSheetId="0">'(1)テレ為替取扱高の推移①コア'!$A$1:$O$124</definedName>
    <definedName name="_xlnm.Print_Area" localSheetId="3">'(2)新ファイル転送取扱高の推移'!$A$1:$AB$29</definedName>
    <definedName name="_xlnm.Print_Area" localSheetId="5">'(3)②モア'!$A$1:$J$27</definedName>
    <definedName name="_xlnm.Print_Area" localSheetId="4">'(3)加盟銀行数・店舗数①コア'!$A$1:$F$27</definedName>
    <definedName name="一括支払明細" localSheetId="3">#REF!</definedName>
    <definedName name="一括支払明細">#REF!</definedName>
    <definedName name="株式配当金" localSheetId="3">#REF!</definedName>
    <definedName name="株式配当金">#REF!</definedName>
    <definedName name="還付金振込・返却明細" localSheetId="3">#REF!</definedName>
    <definedName name="還付金振込・返却明細">#REF!</definedName>
    <definedName name="給与賞与" localSheetId="2">#REF!</definedName>
    <definedName name="給与賞与" localSheetId="0">#REF!</definedName>
    <definedName name="給与賞与">#REF!</definedName>
    <definedName name="給与賞与合計" localSheetId="2">#REF!</definedName>
    <definedName name="給与賞与合計" localSheetId="0">#REF!</definedName>
    <definedName name="給与賞与合計">#REF!</definedName>
    <definedName name="給与振込" localSheetId="3">#REF!</definedName>
    <definedName name="給与振込">#REF!</definedName>
    <definedName name="決済対象計" localSheetId="3">#REF!</definedName>
    <definedName name="決済対象計">#REF!</definedName>
    <definedName name="決済対象計１" localSheetId="3">#REF!</definedName>
    <definedName name="決済対象計１">#REF!</definedName>
    <definedName name="決済対象計２" localSheetId="3">#REF!</definedName>
    <definedName name="決済対象計２">#REF!</definedName>
    <definedName name="賞与振込" localSheetId="3">#REF!</definedName>
    <definedName name="賞与振込">#REF!</definedName>
    <definedName name="振込口座照会・回答" localSheetId="3">#REF!</definedName>
    <definedName name="振込口座照会・回答">#REF!</definedName>
    <definedName name="振込合計_合計" localSheetId="2">#REF!</definedName>
    <definedName name="振込合計_合計" localSheetId="0">#REF!</definedName>
    <definedName name="振込合計_合計">#REF!</definedName>
    <definedName name="振込合計_小口" localSheetId="2">#REF!</definedName>
    <definedName name="振込合計_小口" localSheetId="0">#REF!</definedName>
    <definedName name="振込合計_小口">#REF!</definedName>
    <definedName name="振込合計_大口" localSheetId="2">#REF!</definedName>
    <definedName name="振込合計_大口" localSheetId="0">#REF!</definedName>
    <definedName name="振込合計_大口">#REF!</definedName>
    <definedName name="振込先日付計_合計" localSheetId="2">#REF!</definedName>
    <definedName name="振込先日付計_合計" localSheetId="0">#REF!</definedName>
    <definedName name="振込先日付計_合計">#REF!</definedName>
    <definedName name="振込先日付計_小口" localSheetId="2">#REF!</definedName>
    <definedName name="振込先日付計_小口" localSheetId="0">#REF!</definedName>
    <definedName name="振込先日付計_小口">#REF!</definedName>
    <definedName name="振込先日付計_大口" localSheetId="2">#REF!</definedName>
    <definedName name="振込先日付計_大口" localSheetId="0">#REF!</definedName>
    <definedName name="振込先日付計_大口">#REF!</definedName>
    <definedName name="振込当日計_合計" localSheetId="1">#REF!</definedName>
    <definedName name="振込当日計_合計">#REF!</definedName>
    <definedName name="先振計" localSheetId="3">#REF!</definedName>
    <definedName name="先振計">#REF!</definedName>
    <definedName name="前月分" localSheetId="1">'(1)②モア'!$A$42</definedName>
    <definedName name="前月分" localSheetId="2">'(1)③コアおよびモア'!$A$106</definedName>
    <definedName name="前月分" localSheetId="0">'(1)テレ為替取扱高の推移①コア'!$A$106</definedName>
    <definedName name="前月分" localSheetId="3">'(2)新ファイル転送取扱高の推移'!$A$24</definedName>
    <definedName name="前月分">#REF!</definedName>
    <definedName name="前年度" localSheetId="1">'(1)②モア'!$A$16</definedName>
    <definedName name="前年度" localSheetId="2">'(1)③コアおよびモア'!$A$28</definedName>
    <definedName name="前年度" localSheetId="0">'(1)テレ為替取扱高の推移①コア'!$A$28</definedName>
    <definedName name="前年度" localSheetId="3">'(2)新ファイル転送取扱高の推移'!$A$11</definedName>
    <definedName name="前年度">#REF!</definedName>
    <definedName name="前年度_還付金振込・返却明細件数" localSheetId="3">#REF!</definedName>
    <definedName name="前年度_還付金振込・返却明細件数">#REF!</definedName>
    <definedName name="前年度_決済対象計金額" localSheetId="3">#REF!</definedName>
    <definedName name="前年度_決済対象計金額">#REF!</definedName>
    <definedName name="前年度_決済対象計件数" localSheetId="3">#REF!</definedName>
    <definedName name="前年度_決済対象計件数">#REF!</definedName>
    <definedName name="前年度_決済対象計件数１" localSheetId="3">#REF!</definedName>
    <definedName name="前年度_決済対象計件数１">#REF!</definedName>
    <definedName name="前年度_振込口座件数" localSheetId="3">#REF!</definedName>
    <definedName name="前年度_振込口座件数">#REF!</definedName>
    <definedName name="前年度_相対件数" localSheetId="3">#REF!</definedName>
    <definedName name="前年度_相対件数">#REF!</definedName>
    <definedName name="前年度_年金振込・返却明細件数" localSheetId="3">#REF!</definedName>
    <definedName name="前年度_年金振込・返却明細件数">#REF!</definedName>
    <definedName name="前年度＿付替・請求・通信・歳出金件数_合計" localSheetId="2">#REF!</definedName>
    <definedName name="前年度＿付替・請求・通信・歳出金件数_合計" localSheetId="0">#REF!</definedName>
    <definedName name="前年度＿付替・請求・通信・歳出金件数_合計">#REF!</definedName>
    <definedName name="前年度＿付替・請求・通信・歳出金件数_小口" localSheetId="2">#REF!</definedName>
    <definedName name="前年度＿付替・請求・通信・歳出金件数_小口" localSheetId="0">#REF!</definedName>
    <definedName name="前年度＿付替・請求・通信・歳出金件数_小口">#REF!</definedName>
    <definedName name="前年度＿付替・請求・通信・歳出金件数_大口" localSheetId="2">#REF!</definedName>
    <definedName name="前年度＿付替・請求・通信・歳出金件数_大口" localSheetId="0">#REF!</definedName>
    <definedName name="前年度＿付替・請求・通信・歳出金件数_大口">#REF!</definedName>
    <definedName name="前年同月_還付金振込・返却件数" localSheetId="3">#REF!</definedName>
    <definedName name="前年同月_還付金振込・返却件数">#REF!</definedName>
    <definedName name="前年同月_決済対象計金額" localSheetId="3">#REF!</definedName>
    <definedName name="前年同月_決済対象計金額">#REF!</definedName>
    <definedName name="前年同月_決済対象計件数" localSheetId="3">#REF!</definedName>
    <definedName name="前年同月_決済対象計件数">#REF!</definedName>
    <definedName name="前年同月_決済対象計件数１" localSheetId="3">#REF!</definedName>
    <definedName name="前年同月_決済対象計件数１">#REF!</definedName>
    <definedName name="前年同月_振込口座件数" localSheetId="3">#REF!</definedName>
    <definedName name="前年同月_振込口座件数">#REF!</definedName>
    <definedName name="前年同月_相対件数" localSheetId="3">#REF!</definedName>
    <definedName name="前年同月_相対件数">#REF!</definedName>
    <definedName name="前年同月_年金振込・返却明細件数" localSheetId="3">#REF!</definedName>
    <definedName name="前年同月_年金振込・返却明細件数">#REF!</definedName>
    <definedName name="前年同月＿付替・請求・通信・歳出金件数_合計" localSheetId="2">#REF!</definedName>
    <definedName name="前年同月＿付替・請求・通信・歳出金件数_合計" localSheetId="0">#REF!</definedName>
    <definedName name="前年同月＿付替・請求・通信・歳出金件数_合計">#REF!</definedName>
    <definedName name="前年同月＿付替・請求・通信・歳出金件数_小口" localSheetId="2">#REF!</definedName>
    <definedName name="前年同月＿付替・請求・通信・歳出金件数_小口" localSheetId="0">#REF!</definedName>
    <definedName name="前年同月＿付替・請求・通信・歳出金件数_小口">#REF!</definedName>
    <definedName name="前年同月＿付替・請求・通信・歳出金件数_大口" localSheetId="2">#REF!</definedName>
    <definedName name="前年同月＿付替・請求・通信・歳出金件数_大口" localSheetId="0">#REF!</definedName>
    <definedName name="前年同月＿付替・請求・通信・歳出金件数_大口">#REF!</definedName>
    <definedName name="総合計_合計" localSheetId="1">#REF!</definedName>
    <definedName name="総合計_合計" localSheetId="2">#REF!</definedName>
    <definedName name="総合計_合計" localSheetId="0">#REF!</definedName>
    <definedName name="総合計_合計">#REF!</definedName>
    <definedName name="総合計_小口" localSheetId="2">#REF!</definedName>
    <definedName name="総合計_小口" localSheetId="0">#REF!</definedName>
    <definedName name="総合計_小口">#REF!</definedName>
    <definedName name="総合計_大口" localSheetId="2">#REF!</definedName>
    <definedName name="総合計_大口" localSheetId="0">#REF!</definedName>
    <definedName name="総合計_大口">#REF!</definedName>
    <definedName name="総合計_大口分" localSheetId="2">#REF!</definedName>
    <definedName name="総合計_大口分" localSheetId="0">#REF!</definedName>
    <definedName name="総合計_大口分">#REF!</definedName>
    <definedName name="送金合計_合計" localSheetId="2">#REF!</definedName>
    <definedName name="送金合計_合計" localSheetId="0">#REF!</definedName>
    <definedName name="送金合計_合計">#REF!</definedName>
    <definedName name="送金合計_小口" localSheetId="2">#REF!</definedName>
    <definedName name="送金合計_小口" localSheetId="0">#REF!</definedName>
    <definedName name="送金合計_小口">#REF!</definedName>
    <definedName name="送金合計_大口" localSheetId="2">#REF!</definedName>
    <definedName name="送金合計_大口" localSheetId="0">#REF!</definedName>
    <definedName name="送金合計_大口">#REF!</definedName>
    <definedName name="送金合計_大口分" localSheetId="2">#REF!</definedName>
    <definedName name="送金合計_大口分" localSheetId="0">#REF!</definedName>
    <definedName name="送金合計_大口分">#REF!</definedName>
    <definedName name="貸付信託" localSheetId="3">#REF!</definedName>
    <definedName name="貸付信託">#REF!</definedName>
    <definedName name="代金取立入金報告_合計" localSheetId="2">#REF!</definedName>
    <definedName name="代金取立入金報告_合計" localSheetId="0">#REF!</definedName>
    <definedName name="代金取立入金報告_合計">#REF!</definedName>
    <definedName name="代金取立入金報告_小口" localSheetId="2">#REF!</definedName>
    <definedName name="代金取立入金報告_小口" localSheetId="0">#REF!</definedName>
    <definedName name="代金取立入金報告_小口">#REF!</definedName>
    <definedName name="代金取立入金報告_大口" localSheetId="2">#REF!</definedName>
    <definedName name="代金取立入金報告_大口" localSheetId="0">#REF!</definedName>
    <definedName name="代金取立入金報告_大口">#REF!</definedName>
    <definedName name="通信_合計" localSheetId="1">#REF!</definedName>
    <definedName name="通信_合計">#REF!</definedName>
    <definedName name="当月_還付金振込・返却件数" localSheetId="3">#REF!</definedName>
    <definedName name="当月_還付金振込・返却件数">#REF!</definedName>
    <definedName name="当月_決済対象計金額" localSheetId="3">#REF!</definedName>
    <definedName name="当月_決済対象計金額">#REF!</definedName>
    <definedName name="当月_決済対象計件数" localSheetId="3">#REF!</definedName>
    <definedName name="当月_決済対象計件数">#REF!</definedName>
    <definedName name="当月_決済対象計件数１" localSheetId="3">#REF!</definedName>
    <definedName name="当月_決済対象計件数１">#REF!</definedName>
    <definedName name="当月_振込口座件数" localSheetId="3">#REF!</definedName>
    <definedName name="当月_振込口座件数">#REF!</definedName>
    <definedName name="当月_相対件数" localSheetId="3">#REF!</definedName>
    <definedName name="当月_相対件数">#REF!</definedName>
    <definedName name="当月_年金振込・返却明細件数" localSheetId="3">#REF!</definedName>
    <definedName name="当月_年金振込・返却明細件数">#REF!</definedName>
    <definedName name="当月度＿付替・請求・通信・歳出金件数_合計" localSheetId="2">#REF!</definedName>
    <definedName name="当月度＿付替・請求・通信・歳出金件数_合計" localSheetId="0">#REF!</definedName>
    <definedName name="当月度＿付替・請求・通信・歳出金件数_合計">#REF!</definedName>
    <definedName name="当月度＿付替・請求・通信・歳出金件数_小口" localSheetId="2">#REF!</definedName>
    <definedName name="当月度＿付替・請求・通信・歳出金件数_小口" localSheetId="0">#REF!</definedName>
    <definedName name="当月度＿付替・請求・通信・歳出金件数_小口">#REF!</definedName>
    <definedName name="当月度＿付替・請求・通信・歳出金件数_大口" localSheetId="2">#REF!</definedName>
    <definedName name="当月度＿付替・請求・通信・歳出金件数_大口" localSheetId="0">#REF!</definedName>
    <definedName name="当月度＿付替・請求・通信・歳出金件数_大口">#REF!</definedName>
    <definedName name="当月分" localSheetId="1">'(1)②モア'!$A$44</definedName>
    <definedName name="当月分" localSheetId="2">'(1)③コアおよびモア'!$A$112</definedName>
    <definedName name="当月分" localSheetId="0">'(1)テレ為替取扱高の推移①コア'!$A$112</definedName>
    <definedName name="当月分" localSheetId="3">'(2)新ファイル転送取扱高の推移'!$A$25</definedName>
    <definedName name="当月分">#REF!</definedName>
    <definedName name="当年度" localSheetId="1">'(1)②モア'!$A$18</definedName>
    <definedName name="当年度" localSheetId="2">'(1)③コアおよびモア'!$A$34</definedName>
    <definedName name="当年度" localSheetId="0">'(1)テレ為替取扱高の推移①コア'!$A$34</definedName>
    <definedName name="当年度" localSheetId="3">'(2)新ファイル転送取扱高の推移'!$A$12</definedName>
    <definedName name="当年度">#REF!</definedName>
    <definedName name="当年度_還付金振込・返却明細件数" localSheetId="3">#REF!</definedName>
    <definedName name="当年度_還付金振込・返却明細件数">#REF!</definedName>
    <definedName name="当年度_決済対象計金額" localSheetId="3">#REF!</definedName>
    <definedName name="当年度_決済対象計金額">#REF!</definedName>
    <definedName name="当年度_決済対象計件数" localSheetId="3">#REF!</definedName>
    <definedName name="当年度_決済対象計件数">#REF!</definedName>
    <definedName name="当年度_決済対象計件数１" localSheetId="3">#REF!</definedName>
    <definedName name="当年度_決済対象計件数１">#REF!</definedName>
    <definedName name="当年度_振込口座件数" localSheetId="3">#REF!</definedName>
    <definedName name="当年度_振込口座件数">#REF!</definedName>
    <definedName name="当年度_相対件数" localSheetId="3">#REF!</definedName>
    <definedName name="当年度_相対件数">#REF!</definedName>
    <definedName name="当年度_年金振込・返却明細件数" localSheetId="3">#REF!</definedName>
    <definedName name="当年度_年金振込・返却明細件数">#REF!</definedName>
    <definedName name="当年度＿付替・請求・通信・歳出金件数_合計" localSheetId="2">#REF!</definedName>
    <definedName name="当年度＿付替・請求・通信・歳出金件数_合計" localSheetId="0">#REF!</definedName>
    <definedName name="当年度＿付替・請求・通信・歳出金件数_合計">#REF!</definedName>
    <definedName name="当年度＿付替・請求・通信・歳出金件数_小口" localSheetId="2">#REF!</definedName>
    <definedName name="当年度＿付替・請求・通信・歳出金件数_小口" localSheetId="0">#REF!</definedName>
    <definedName name="当年度＿付替・請求・通信・歳出金件数_小口">#REF!</definedName>
    <definedName name="当年度＿付替・請求・通信・歳出金件数_大口" localSheetId="2">#REF!</definedName>
    <definedName name="当年度＿付替・請求・通信・歳出金件数_大口" localSheetId="0">#REF!</definedName>
    <definedName name="当年度＿付替・請求・通信・歳出金件数_大口">#REF!</definedName>
    <definedName name="年金給付計" localSheetId="3">#REF!</definedName>
    <definedName name="年金給付計">#REF!</definedName>
    <definedName name="年金振込・返却明細" localSheetId="3">#REF!</definedName>
    <definedName name="年金振込・返却明細">#REF!</definedName>
    <definedName name="付替・請求・通信_大口" localSheetId="2">#REF!</definedName>
    <definedName name="付替・請求・通信_大口" localSheetId="0">#REF!</definedName>
    <definedName name="付替・請求・通信_大口">#REF!</definedName>
    <definedName name="付替・請求・通信・歳出_合計" localSheetId="2">#REF!</definedName>
    <definedName name="付替・請求・通信・歳出_合計" localSheetId="0">#REF!</definedName>
    <definedName name="付替・請求・通信・歳出_合計">#REF!</definedName>
    <definedName name="付替・請求・通信・歳出_小口" localSheetId="2">#REF!</definedName>
    <definedName name="付替・請求・通信・歳出_小口" localSheetId="0">#REF!</definedName>
    <definedName name="付替・請求・通信・歳出_小口">#REF!</definedName>
    <definedName name="文書為替計" localSheetId="3">#REF!</definedName>
    <definedName name="文書為替計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60" uniqueCount="122">
  <si>
    <t xml:space="preserve">       （単位：千件、億円、％）</t>
  </si>
  <si>
    <t>年度</t>
  </si>
  <si>
    <t>・</t>
  </si>
  <si>
    <t>月中</t>
  </si>
  <si>
    <t>件数</t>
  </si>
  <si>
    <t>前年比</t>
  </si>
  <si>
    <t>金額</t>
  </si>
  <si>
    <t>種類別内訳</t>
    <phoneticPr fontId="3"/>
  </si>
  <si>
    <t>送金</t>
    <phoneticPr fontId="3"/>
  </si>
  <si>
    <t>為替取扱高</t>
    <phoneticPr fontId="3"/>
  </si>
  <si>
    <t>給与振込</t>
    <phoneticPr fontId="3"/>
  </si>
  <si>
    <t>付替・請求
通信・歳出金等</t>
    <rPh sb="0" eb="2">
      <t>ツケカエ</t>
    </rPh>
    <rPh sb="3" eb="5">
      <t>セイキュウ</t>
    </rPh>
    <rPh sb="9" eb="12">
      <t>サイシュツキン</t>
    </rPh>
    <rPh sb="12" eb="13">
      <t>トウ</t>
    </rPh>
    <phoneticPr fontId="3"/>
  </si>
  <si>
    <t>振込</t>
    <phoneticPr fontId="3"/>
  </si>
  <si>
    <t>代金取立</t>
    <phoneticPr fontId="3"/>
  </si>
  <si>
    <t>（注） １．件数・金額の計上基準は次のとおり。「給与振込」・「振込（先日付）」は振込指定日、「付替（先日付）」・「請求（先日付）」は取組日、他は発信日とする。</t>
    <phoneticPr fontId="3"/>
  </si>
  <si>
    <t>　　　 ２．振込の（　）内は、「振込（先日付）」の計数。　</t>
    <phoneticPr fontId="3"/>
  </si>
  <si>
    <t>　　　 ３．通信の件数には、日本銀行、全銀センターの発信分を含む。</t>
    <phoneticPr fontId="3"/>
  </si>
  <si>
    <t>　　　 ４．歳出金の件数には、「歳出金集中払振込明細・同返却明細」を含む。</t>
    <phoneticPr fontId="3"/>
  </si>
  <si>
    <t>　　　 ５．上段：合計、中段：大口内為取引、下段：小口内為取引。</t>
    <phoneticPr fontId="3"/>
  </si>
  <si>
    <t>　　　 ６．単位未満は、四捨五入。</t>
    <phoneticPr fontId="3"/>
  </si>
  <si>
    <t>2018年度</t>
  </si>
  <si>
    <t>2019年度</t>
  </si>
  <si>
    <t>2020年度</t>
  </si>
  <si>
    <t>2021年度</t>
  </si>
  <si>
    <t>2022.12</t>
  </si>
  <si>
    <t>2023.1</t>
  </si>
  <si>
    <t>2023.2</t>
  </si>
  <si>
    <t>2022年度</t>
  </si>
  <si>
    <t>2023.3</t>
  </si>
  <si>
    <t>2023.4</t>
  </si>
  <si>
    <t>2023.5</t>
  </si>
  <si>
    <t>2023.6</t>
  </si>
  <si>
    <t>2023.7</t>
  </si>
  <si>
    <t>①コアタイムシステム</t>
    <phoneticPr fontId="3"/>
  </si>
  <si>
    <t>（１）テレ為替取扱高の推移</t>
    <rPh sb="5" eb="7">
      <t>カワセ</t>
    </rPh>
    <rPh sb="7" eb="9">
      <t>トリアツカ</t>
    </rPh>
    <rPh sb="9" eb="10">
      <t>ダカ</t>
    </rPh>
    <rPh sb="11" eb="13">
      <t>スイイ</t>
    </rPh>
    <phoneticPr fontId="3"/>
  </si>
  <si>
    <t>　　　３．件数、金額は、為替決済が行われる決済日ベース。</t>
    <phoneticPr fontId="3"/>
  </si>
  <si>
    <t>　　　２．単位未満は、四捨五入。</t>
    <phoneticPr fontId="3"/>
  </si>
  <si>
    <t>（注）１．通信の件数には、全銀センターの発信分を含む。</t>
  </si>
  <si>
    <t>2023.7</t>
    <phoneticPr fontId="3"/>
  </si>
  <si>
    <t>2023.6</t>
    <phoneticPr fontId="3"/>
  </si>
  <si>
    <t>2022年度</t>
    <phoneticPr fontId="3"/>
  </si>
  <si>
    <t>－</t>
    <phoneticPr fontId="3"/>
  </si>
  <si>
    <t>通信</t>
    <phoneticPr fontId="3"/>
  </si>
  <si>
    <t xml:space="preserve">       （単位：千件、億円、％）</t>
    <phoneticPr fontId="3"/>
  </si>
  <si>
    <t>②モアタイムシステム</t>
    <phoneticPr fontId="3"/>
  </si>
  <si>
    <t>③コアタイムシステムおよびモアタイムシステム</t>
    <phoneticPr fontId="3"/>
  </si>
  <si>
    <t xml:space="preserve">      ２．相対交換ファイルは件数のみ計上。</t>
    <rPh sb="8" eb="10">
      <t>アイタイ</t>
    </rPh>
    <rPh sb="10" eb="12">
      <t>コウカン</t>
    </rPh>
    <rPh sb="17" eb="19">
      <t>ケンスウ</t>
    </rPh>
    <rPh sb="21" eb="23">
      <t>ケイジョウ</t>
    </rPh>
    <phoneticPr fontId="3"/>
  </si>
  <si>
    <t xml:space="preserve"> </t>
  </si>
  <si>
    <t>（注）１．件数・金額の計上基準は次のとおり。「文書為替」は取組日、「年金給付金振込」・「株式配当金振込」は支払開始日、「先日付振込」・「給与振込」・「賞与振込」・「貸付信託収益配当金振込」は振込指定日、「一括支払システム取引明細」は当貸実行可能日、他は発信日とする。</t>
    <rPh sb="84" eb="86">
      <t>シンタク</t>
    </rPh>
    <rPh sb="86" eb="88">
      <t>シュウエキ</t>
    </rPh>
    <rPh sb="110" eb="112">
      <t>トリヒキ</t>
    </rPh>
    <rPh sb="112" eb="114">
      <t>メイサイ</t>
    </rPh>
    <phoneticPr fontId="3"/>
  </si>
  <si>
    <t>2018年度</t>
    <phoneticPr fontId="3"/>
  </si>
  <si>
    <t>・回答</t>
  </si>
  <si>
    <t>還付金振込
・返却明細</t>
    <rPh sb="0" eb="3">
      <t>カンプキン</t>
    </rPh>
    <rPh sb="3" eb="5">
      <t>フリコミ</t>
    </rPh>
    <rPh sb="7" eb="9">
      <t>ヘンキャク</t>
    </rPh>
    <rPh sb="9" eb="11">
      <t>メイサイ</t>
    </rPh>
    <phoneticPr fontId="3"/>
  </si>
  <si>
    <t>年金振込
・返却明細</t>
    <rPh sb="0" eb="2">
      <t>ネンキン</t>
    </rPh>
    <rPh sb="2" eb="4">
      <t>フリコミ</t>
    </rPh>
    <rPh sb="6" eb="8">
      <t>ヘンキャク</t>
    </rPh>
    <rPh sb="8" eb="10">
      <t>メイサイ</t>
    </rPh>
    <phoneticPr fontId="3"/>
  </si>
  <si>
    <t>振込口座照会</t>
    <phoneticPr fontId="3"/>
  </si>
  <si>
    <t>一括支払システム
取引明細</t>
    <phoneticPr fontId="3"/>
  </si>
  <si>
    <t>株式配当金振込</t>
  </si>
  <si>
    <t>年金給付金振込</t>
  </si>
  <si>
    <t>貸付信託収益
配当金振込</t>
    <phoneticPr fontId="3"/>
  </si>
  <si>
    <t>賞与振込</t>
  </si>
  <si>
    <t>給 与 振 込</t>
  </si>
  <si>
    <t>先日付振込</t>
  </si>
  <si>
    <t>文書為替</t>
  </si>
  <si>
    <t>（単位：千件、億円、％）</t>
    <phoneticPr fontId="3"/>
  </si>
  <si>
    <t>（２）新ファイル転送取扱高の推移</t>
    <phoneticPr fontId="3"/>
  </si>
  <si>
    <t>２．店舗数には、各種センターを含まない。</t>
  </si>
  <si>
    <t xml:space="preserve">      </t>
    <phoneticPr fontId="3"/>
  </si>
  <si>
    <t>（注）</t>
    <rPh sb="1" eb="2">
      <t>チュウ</t>
    </rPh>
    <phoneticPr fontId="3"/>
  </si>
  <si>
    <t>前月末比増減（△）</t>
    <rPh sb="0" eb="3">
      <t>ゼンゲツマツ</t>
    </rPh>
    <rPh sb="3" eb="4">
      <t>ヒ</t>
    </rPh>
    <rPh sb="4" eb="6">
      <t>ゾウゲン</t>
    </rPh>
    <phoneticPr fontId="3"/>
  </si>
  <si>
    <t>合       計</t>
    <rPh sb="0" eb="9">
      <t>ゴウケイ</t>
    </rPh>
    <phoneticPr fontId="3"/>
  </si>
  <si>
    <t>そ   の   他</t>
    <rPh sb="0" eb="9">
      <t>ソノタ</t>
    </rPh>
    <phoneticPr fontId="3"/>
  </si>
  <si>
    <t>農中・信連・信漁連・農協</t>
    <rPh sb="0" eb="2">
      <t>ノウチュウ</t>
    </rPh>
    <rPh sb="3" eb="5">
      <t>シンレン</t>
    </rPh>
    <rPh sb="6" eb="9">
      <t>シンギョレン</t>
    </rPh>
    <rPh sb="10" eb="12">
      <t>ノウキョウ</t>
    </rPh>
    <phoneticPr fontId="3"/>
  </si>
  <si>
    <t>労金連・労働金庫</t>
    <rPh sb="0" eb="2">
      <t>ロウキン</t>
    </rPh>
    <rPh sb="2" eb="3">
      <t>レン</t>
    </rPh>
    <rPh sb="4" eb="6">
      <t>ロウドウ</t>
    </rPh>
    <rPh sb="6" eb="8">
      <t>キンコ</t>
    </rPh>
    <phoneticPr fontId="3"/>
  </si>
  <si>
    <t>全信組連・信用組合</t>
    <rPh sb="0" eb="3">
      <t>ゼンシンクミ</t>
    </rPh>
    <rPh sb="3" eb="4">
      <t>レン</t>
    </rPh>
    <rPh sb="5" eb="7">
      <t>シンヨウ</t>
    </rPh>
    <rPh sb="7" eb="9">
      <t>クミアイ</t>
    </rPh>
    <phoneticPr fontId="3"/>
  </si>
  <si>
    <t>信金中金・信用金庫</t>
    <rPh sb="0" eb="2">
      <t>シンキン</t>
    </rPh>
    <rPh sb="2" eb="3">
      <t>チュウ</t>
    </rPh>
    <rPh sb="3" eb="4">
      <t>キン</t>
    </rPh>
    <rPh sb="5" eb="7">
      <t>シンヨウ</t>
    </rPh>
    <rPh sb="7" eb="9">
      <t>キンコ</t>
    </rPh>
    <phoneticPr fontId="3"/>
  </si>
  <si>
    <t>外  国  銀  行</t>
    <rPh sb="0" eb="4">
      <t>ガイコク</t>
    </rPh>
    <rPh sb="6" eb="10">
      <t>ギンコウ</t>
    </rPh>
    <phoneticPr fontId="3"/>
  </si>
  <si>
    <t>第二地方銀行協会加盟銀行</t>
    <rPh sb="0" eb="2">
      <t>ダイニ</t>
    </rPh>
    <rPh sb="2" eb="4">
      <t>チホウ</t>
    </rPh>
    <rPh sb="4" eb="6">
      <t>ギンコウ</t>
    </rPh>
    <rPh sb="6" eb="8">
      <t>キョウカイ</t>
    </rPh>
    <rPh sb="8" eb="10">
      <t>カメイ</t>
    </rPh>
    <rPh sb="10" eb="12">
      <t>ギンコウ</t>
    </rPh>
    <phoneticPr fontId="3"/>
  </si>
  <si>
    <t>信  託  銀  行</t>
    <rPh sb="0" eb="4">
      <t>シンタク</t>
    </rPh>
    <rPh sb="6" eb="10">
      <t>ギンコウ</t>
    </rPh>
    <phoneticPr fontId="3"/>
  </si>
  <si>
    <t>地  方  銀  行</t>
    <rPh sb="0" eb="4">
      <t>チホウ</t>
    </rPh>
    <rPh sb="6" eb="10">
      <t>ギンコウ</t>
    </rPh>
    <phoneticPr fontId="3"/>
  </si>
  <si>
    <t>都  市  銀  行</t>
    <rPh sb="0" eb="4">
      <t>トシ</t>
    </rPh>
    <rPh sb="6" eb="10">
      <t>ギンコウ</t>
    </rPh>
    <phoneticPr fontId="3"/>
  </si>
  <si>
    <t>店   舗   数</t>
    <rPh sb="0" eb="9">
      <t>テンポスウ</t>
    </rPh>
    <phoneticPr fontId="3"/>
  </si>
  <si>
    <t>加 盟 銀 行 数</t>
    <rPh sb="0" eb="3">
      <t>カメイ</t>
    </rPh>
    <rPh sb="4" eb="7">
      <t>ギンコウ</t>
    </rPh>
    <rPh sb="8" eb="9">
      <t>スウ</t>
    </rPh>
    <phoneticPr fontId="3"/>
  </si>
  <si>
    <t>　</t>
    <phoneticPr fontId="7"/>
  </si>
  <si>
    <t>農中・信連・信漁連・農協</t>
    <rPh sb="3" eb="5">
      <t>シンレン</t>
    </rPh>
    <rPh sb="6" eb="9">
      <t>シンギョレン</t>
    </rPh>
    <rPh sb="10" eb="12">
      <t>ノウキョウ</t>
    </rPh>
    <phoneticPr fontId="3"/>
  </si>
  <si>
    <t>信用組合</t>
    <rPh sb="0" eb="2">
      <t>シンヨウ</t>
    </rPh>
    <rPh sb="2" eb="4">
      <t>クミアイ</t>
    </rPh>
    <phoneticPr fontId="3"/>
  </si>
  <si>
    <t>信用金庫</t>
    <rPh sb="0" eb="2">
      <t>シンヨウ</t>
    </rPh>
    <rPh sb="2" eb="4">
      <t>キンコ</t>
    </rPh>
    <phoneticPr fontId="3"/>
  </si>
  <si>
    <t>2023.10</t>
  </si>
  <si>
    <t>2023.9</t>
  </si>
  <si>
    <t>2023.8</t>
  </si>
  <si>
    <t>2023.8</t>
    <phoneticPr fontId="3"/>
  </si>
  <si>
    <t>2023.9</t>
    <phoneticPr fontId="3"/>
  </si>
  <si>
    <t>2023.10</t>
    <phoneticPr fontId="3"/>
  </si>
  <si>
    <t>2023.11</t>
  </si>
  <si>
    <t>2022.12</t>
    <phoneticPr fontId="3"/>
  </si>
  <si>
    <t>2023.3</t>
    <phoneticPr fontId="3"/>
  </si>
  <si>
    <t>2023.11</t>
    <phoneticPr fontId="3"/>
  </si>
  <si>
    <t>１．店舗数には、代理店（内国為替制度上の取引店）を含む。</t>
  </si>
  <si>
    <t>３．「全信組連・信用組合」には、整理回収機構を含む。</t>
    <rPh sb="3" eb="4">
      <t>ゼン</t>
    </rPh>
    <rPh sb="4" eb="6">
      <t>シンクミ</t>
    </rPh>
    <rPh sb="6" eb="7">
      <t>レン</t>
    </rPh>
    <rPh sb="8" eb="10">
      <t>シンヨウ</t>
    </rPh>
    <rPh sb="10" eb="12">
      <t>クミアイ</t>
    </rPh>
    <rPh sb="16" eb="18">
      <t>セイリ</t>
    </rPh>
    <rPh sb="18" eb="20">
      <t>カイシュウ</t>
    </rPh>
    <rPh sb="20" eb="22">
      <t>キコウ</t>
    </rPh>
    <rPh sb="23" eb="24">
      <t>フク</t>
    </rPh>
    <phoneticPr fontId="9"/>
  </si>
  <si>
    <t>４．「その他」は、ＰａｙＰａｙ銀行、セブン銀行、ソニー銀行、</t>
    <rPh sb="3" eb="6">
      <t>ソノタ</t>
    </rPh>
    <rPh sb="15" eb="17">
      <t>ギンコウ</t>
    </rPh>
    <rPh sb="21" eb="23">
      <t>ギンコウ</t>
    </rPh>
    <phoneticPr fontId="9"/>
  </si>
  <si>
    <t>　　楽天銀行、住信ＳＢＩネット銀行、ａｕじぶん銀行、イオン銀行、</t>
  </si>
  <si>
    <t>　　大和ネクスト銀行、ローソン銀行、みんなの銀行、ＵＩ銀行、</t>
    <rPh sb="8" eb="10">
      <t>ギンコウ</t>
    </rPh>
    <rPh sb="15" eb="17">
      <t>ギンコウ</t>
    </rPh>
    <rPh sb="22" eb="24">
      <t>ギンコウ</t>
    </rPh>
    <rPh sb="27" eb="29">
      <t>ギンコウ</t>
    </rPh>
    <phoneticPr fontId="3"/>
  </si>
  <si>
    <t>　　ＧＭＯあおぞらネット銀行、ＳＢＩ新生銀行、あおぞら銀行、</t>
  </si>
  <si>
    <t>　　ＳＢＪ銀行、商工組合中央金庫およびゆうちょ銀行である。</t>
  </si>
  <si>
    <t>楽天銀行、住信ＳＢＩネット銀行、ａｕじぶん銀行、イオン銀行、</t>
  </si>
  <si>
    <t>大和ネクスト銀行、みんなの銀行、ＵＩ銀行、ＧＭＯあおぞらネット銀行、</t>
    <rPh sb="6" eb="8">
      <t>ギンコウ</t>
    </rPh>
    <rPh sb="13" eb="15">
      <t>ギンコウ</t>
    </rPh>
    <rPh sb="18" eb="20">
      <t>ギンコウ</t>
    </rPh>
    <rPh sb="31" eb="33">
      <t>ギンコウ</t>
    </rPh>
    <phoneticPr fontId="17"/>
  </si>
  <si>
    <t>ＳＢＩ新生銀行、ＳＢＪ銀行およびゆうちょ銀行である。</t>
  </si>
  <si>
    <t>2023.12</t>
  </si>
  <si>
    <t>2023.1</t>
    <phoneticPr fontId="3"/>
  </si>
  <si>
    <t>2023.4</t>
    <phoneticPr fontId="3"/>
  </si>
  <si>
    <t>2023.12</t>
    <phoneticPr fontId="3"/>
  </si>
  <si>
    <t>（注） １．件数・金額の計上基準は次のとおり。「給与振込」・「振込（先日付）」は振込指定日、「付替（先日付）」・「請求（先日付）」は取組日、他は発信日とする。</t>
    <rPh sb="12" eb="14">
      <t>ケイジョウ</t>
    </rPh>
    <rPh sb="14" eb="16">
      <t>キジュン</t>
    </rPh>
    <rPh sb="17" eb="18">
      <t>ツギ</t>
    </rPh>
    <rPh sb="70" eb="71">
      <t>ホカ</t>
    </rPh>
    <rPh sb="72" eb="74">
      <t>ハッシン</t>
    </rPh>
    <rPh sb="74" eb="75">
      <t>ヒ</t>
    </rPh>
    <phoneticPr fontId="3"/>
  </si>
  <si>
    <t xml:space="preserve">       ２．振込の（　）内は、「振込（先日付）」の計数。　</t>
    <phoneticPr fontId="3"/>
  </si>
  <si>
    <t xml:space="preserve">       ３．通信の件数には、日本銀行、全銀センターの発信分を含む。</t>
    <phoneticPr fontId="3"/>
  </si>
  <si>
    <t xml:space="preserve">       ４．歳出金の件数には、「歳出金集中払振込明細・同返却明細」を含む。</t>
    <phoneticPr fontId="3"/>
  </si>
  <si>
    <t xml:space="preserve">       ５．上段：合計、中段：大口内為取引、下段：小口内為取引。</t>
    <phoneticPr fontId="3"/>
  </si>
  <si>
    <t xml:space="preserve">       ６．単位未満は、四捨五入。</t>
    <phoneticPr fontId="7"/>
  </si>
  <si>
    <t xml:space="preserve">      ３．単位未満は、四捨五入。</t>
    <phoneticPr fontId="3"/>
  </si>
  <si>
    <t>（３）加盟銀行数・店舗数（2023年12月末現在）</t>
    <rPh sb="17" eb="18">
      <t>ネン</t>
    </rPh>
    <phoneticPr fontId="3"/>
  </si>
  <si>
    <t>①コアタイムシステム</t>
    <phoneticPr fontId="7"/>
  </si>
  <si>
    <t>②モアタイムシステム</t>
    <phoneticPr fontId="7"/>
  </si>
  <si>
    <t>（注）</t>
    <rPh sb="1" eb="2">
      <t>チュウ</t>
    </rPh>
    <phoneticPr fontId="1"/>
  </si>
  <si>
    <t>「その他」は、ＰａｙＰａｙ銀行、セブン銀行、ソニー銀行、</t>
    <rPh sb="1" eb="4">
      <t>ソノタ</t>
    </rPh>
    <rPh sb="13" eb="15">
      <t>ギンコウ</t>
    </rPh>
    <rPh sb="19" eb="21">
      <t>ギンコウ</t>
    </rPh>
    <phoneticPr fontId="1"/>
  </si>
  <si>
    <t xml:space="preserve">   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9">
    <numFmt numFmtId="176" formatCode="* #,##0;[Red]&quot;△&quot;\ * #,##0;* 0;&quot;　　　  －&quot;"/>
    <numFmt numFmtId="177" formatCode="* #,##0.0;[Red]&quot;△&quot;\ * #,##0.0;* 0.0"/>
    <numFmt numFmtId="178" formatCode="[$-411]ggge&quot;年度&quot;"/>
    <numFmt numFmtId="179" formatCode="* #,##0.0;&quot;△&quot;\ * #,##0.0;* 0.0"/>
    <numFmt numFmtId="180" formatCode="\(* #,##0\);\(&quot;△&quot;\ * #,##0\);\(* 0\)"/>
    <numFmt numFmtId="181" formatCode="\(* #,##0.0\);\(&quot;△&quot;\ * #,##0.0\);\(* 0.0\)"/>
    <numFmt numFmtId="182" formatCode="\(* #,##0\);\(&quot;△&quot;\ * #,##0\);\(* 0\);\(* &quot;－&quot;\)"/>
    <numFmt numFmtId="183" formatCode="\(* #,##0.0\);\(&quot;△&quot;\ * #,##0.0\);\(* 0.0\);\(* &quot;－&quot;\)"/>
    <numFmt numFmtId="184" formatCode="* #,##0;&quot;△&quot;\ * #,##0;* 0;&quot;　　　  －&quot;"/>
    <numFmt numFmtId="185" formatCode="[$-411]e\.m"/>
    <numFmt numFmtId="186" formatCode="* #,##0;[Red]&quot;△&quot;\ * #,##0;* 0"/>
    <numFmt numFmtId="187" formatCode="\(* #,##0\);[Red]\(&quot;△&quot;\ * #,##0\);\(* 0\)"/>
    <numFmt numFmtId="188" formatCode="* #,##0.0;&quot;△&quot;\ * #,##0.0;* 0.0;@"/>
    <numFmt numFmtId="189" formatCode="\(* #,##0.0\);[Red]\(&quot;△&quot;\ * #,##0.0\);\(* 0.0\)"/>
    <numFmt numFmtId="190" formatCode="#,##0.0;[Red]&quot;△&quot;#,##0.0;&quot;  －&quot;"/>
    <numFmt numFmtId="191" formatCode="* #,##0.0;[Red]&quot;△&quot;\ * #,##0.0;* 0.0;@"/>
    <numFmt numFmtId="192" formatCode="* #,##0;[Red]&quot;△&quot;\ * #,##0;* 0;@"/>
    <numFmt numFmtId="193" formatCode="#,##0;&quot;△ &quot;#,##0"/>
    <numFmt numFmtId="196" formatCode="* #,##0.0;&quot;&quot;\ * #,##0.0;* 0.0;@"/>
  </numFmts>
  <fonts count="19">
    <font>
      <sz val="11"/>
      <name val="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明朝"/>
      <family val="1"/>
      <charset val="128"/>
    </font>
    <font>
      <sz val="1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6"/>
      <name val="明朝"/>
      <family val="1"/>
      <charset val="128"/>
    </font>
    <font>
      <sz val="6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ゴシック"/>
      <family val="3"/>
      <charset val="128"/>
    </font>
    <font>
      <sz val="10"/>
      <color indexed="10"/>
      <name val="ＭＳ ゴシック"/>
      <family val="3"/>
      <charset val="128"/>
    </font>
    <font>
      <sz val="10"/>
      <color indexed="12"/>
      <name val="ＭＳ ゴシック"/>
      <family val="3"/>
      <charset val="128"/>
    </font>
    <font>
      <sz val="10"/>
      <color indexed="8"/>
      <name val="ＭＳ ゴシック"/>
      <family val="3"/>
      <charset val="128"/>
    </font>
    <font>
      <sz val="10"/>
      <color rgb="FFFFFF00"/>
      <name val="ＭＳ ゴシック"/>
      <family val="3"/>
      <charset val="128"/>
    </font>
    <font>
      <b/>
      <sz val="10"/>
      <name val="ＭＳ ゴシック"/>
      <family val="3"/>
      <charset val="128"/>
    </font>
    <font>
      <sz val="10"/>
      <color rgb="FFFF0000"/>
      <name val="ＭＳ ゴシック"/>
      <family val="3"/>
      <charset val="128"/>
    </font>
    <font>
      <b/>
      <sz val="14"/>
      <color rgb="FFFF0000"/>
      <name val="ＭＳ 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88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 diagonalUp="1">
      <left style="medium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 diagonalDown="1">
      <left/>
      <right/>
      <top style="thin">
        <color indexed="64"/>
      </top>
      <bottom style="thin">
        <color indexed="64"/>
      </bottom>
      <diagonal style="hair">
        <color indexed="64"/>
      </diagonal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8" fillId="0" borderId="0"/>
    <xf numFmtId="0" fontId="2" fillId="0" borderId="0">
      <alignment vertical="center"/>
    </xf>
    <xf numFmtId="0" fontId="18" fillId="0" borderId="0"/>
  </cellStyleXfs>
  <cellXfs count="243">
    <xf numFmtId="0" fontId="0" fillId="0" borderId="0" xfId="0"/>
    <xf numFmtId="0" fontId="4" fillId="0" borderId="3" xfId="0" applyFont="1" applyBorder="1"/>
    <xf numFmtId="0" fontId="4" fillId="0" borderId="4" xfId="0" applyFont="1" applyBorder="1"/>
    <xf numFmtId="177" fontId="4" fillId="0" borderId="4" xfId="0" applyNumberFormat="1" applyFont="1" applyBorder="1"/>
    <xf numFmtId="0" fontId="4" fillId="0" borderId="5" xfId="0" applyFont="1" applyBorder="1"/>
    <xf numFmtId="0" fontId="4" fillId="0" borderId="6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/>
    </xf>
    <xf numFmtId="0" fontId="4" fillId="0" borderId="6" xfId="0" applyFont="1" applyBorder="1"/>
    <xf numFmtId="0" fontId="4" fillId="0" borderId="0" xfId="0" applyFont="1"/>
    <xf numFmtId="0" fontId="4" fillId="0" borderId="11" xfId="0" applyFont="1" applyBorder="1" applyAlignment="1">
      <alignment horizontal="distributed" vertical="center" justifyLastLine="1" shrinkToFit="1"/>
    </xf>
    <xf numFmtId="0" fontId="4" fillId="0" borderId="13" xfId="0" applyFont="1" applyBorder="1" applyAlignment="1">
      <alignment horizontal="distributed" vertical="center" justifyLastLine="1" shrinkToFit="1"/>
    </xf>
    <xf numFmtId="0" fontId="4" fillId="0" borderId="14" xfId="0" applyFont="1" applyBorder="1" applyAlignment="1">
      <alignment horizontal="distributed" vertical="center" justifyLastLine="1" shrinkToFit="1"/>
    </xf>
    <xf numFmtId="0" fontId="4" fillId="0" borderId="15" xfId="0" applyFont="1" applyBorder="1" applyAlignment="1">
      <alignment horizontal="distributed" vertical="center" justifyLastLine="1" shrinkToFit="1"/>
    </xf>
    <xf numFmtId="177" fontId="4" fillId="0" borderId="14" xfId="0" applyNumberFormat="1" applyFont="1" applyBorder="1" applyAlignment="1">
      <alignment horizontal="distributed" vertical="center" justifyLastLine="1" shrinkToFit="1"/>
    </xf>
    <xf numFmtId="0" fontId="4" fillId="0" borderId="16" xfId="0" applyFont="1" applyBorder="1" applyAlignment="1">
      <alignment horizontal="distributed" vertical="center" justifyLastLine="1" shrinkToFit="1"/>
    </xf>
    <xf numFmtId="176" fontId="4" fillId="0" borderId="18" xfId="0" applyNumberFormat="1" applyFont="1" applyBorder="1" applyAlignment="1">
      <alignment horizontal="right"/>
    </xf>
    <xf numFmtId="179" fontId="4" fillId="0" borderId="19" xfId="0" applyNumberFormat="1" applyFont="1" applyBorder="1" applyAlignment="1">
      <alignment horizontal="right"/>
    </xf>
    <xf numFmtId="176" fontId="4" fillId="0" borderId="20" xfId="0" applyNumberFormat="1" applyFont="1" applyBorder="1" applyAlignment="1">
      <alignment horizontal="right"/>
    </xf>
    <xf numFmtId="179" fontId="4" fillId="0" borderId="21" xfId="0" applyNumberFormat="1" applyFont="1" applyBorder="1" applyAlignment="1">
      <alignment horizontal="right"/>
    </xf>
    <xf numFmtId="176" fontId="4" fillId="0" borderId="23" xfId="0" applyNumberFormat="1" applyFont="1" applyBorder="1" applyAlignment="1">
      <alignment horizontal="right"/>
    </xf>
    <xf numFmtId="177" fontId="4" fillId="0" borderId="24" xfId="0" applyNumberFormat="1" applyFont="1" applyBorder="1" applyAlignment="1">
      <alignment horizontal="right"/>
    </xf>
    <xf numFmtId="180" fontId="4" fillId="0" borderId="23" xfId="0" applyNumberFormat="1" applyFont="1" applyBorder="1" applyAlignment="1">
      <alignment horizontal="right"/>
    </xf>
    <xf numFmtId="181" fontId="4" fillId="0" borderId="24" xfId="0" applyNumberFormat="1" applyFont="1" applyBorder="1" applyAlignment="1">
      <alignment horizontal="right"/>
    </xf>
    <xf numFmtId="176" fontId="4" fillId="0" borderId="2" xfId="0" applyNumberFormat="1" applyFont="1" applyBorder="1" applyAlignment="1">
      <alignment horizontal="right"/>
    </xf>
    <xf numFmtId="177" fontId="4" fillId="0" borderId="25" xfId="0" applyNumberFormat="1" applyFont="1" applyBorder="1" applyAlignment="1">
      <alignment horizontal="right"/>
    </xf>
    <xf numFmtId="176" fontId="4" fillId="0" borderId="26" xfId="0" applyNumberFormat="1" applyFont="1" applyBorder="1" applyAlignment="1">
      <alignment horizontal="right"/>
    </xf>
    <xf numFmtId="179" fontId="4" fillId="0" borderId="27" xfId="0" applyNumberFormat="1" applyFont="1" applyBorder="1" applyAlignment="1">
      <alignment horizontal="right"/>
    </xf>
    <xf numFmtId="182" fontId="4" fillId="0" borderId="23" xfId="0" quotePrefix="1" applyNumberFormat="1" applyFont="1" applyBorder="1" applyAlignment="1">
      <alignment horizontal="right"/>
    </xf>
    <xf numFmtId="183" fontId="4" fillId="0" borderId="24" xfId="0" quotePrefix="1" applyNumberFormat="1" applyFont="1" applyBorder="1" applyAlignment="1">
      <alignment horizontal="right"/>
    </xf>
    <xf numFmtId="176" fontId="4" fillId="0" borderId="32" xfId="0" applyNumberFormat="1" applyFont="1" applyBorder="1" applyAlignment="1">
      <alignment horizontal="right"/>
    </xf>
    <xf numFmtId="176" fontId="4" fillId="0" borderId="1" xfId="0" applyNumberFormat="1" applyFont="1" applyBorder="1" applyAlignment="1">
      <alignment horizontal="right"/>
    </xf>
    <xf numFmtId="176" fontId="4" fillId="0" borderId="34" xfId="0" applyNumberFormat="1" applyFont="1" applyBorder="1" applyAlignment="1">
      <alignment horizontal="right"/>
    </xf>
    <xf numFmtId="177" fontId="4" fillId="0" borderId="35" xfId="0" applyNumberFormat="1" applyFont="1" applyBorder="1" applyAlignment="1">
      <alignment horizontal="right"/>
    </xf>
    <xf numFmtId="180" fontId="4" fillId="0" borderId="34" xfId="0" applyNumberFormat="1" applyFont="1" applyBorder="1" applyAlignment="1">
      <alignment horizontal="right"/>
    </xf>
    <xf numFmtId="181" fontId="4" fillId="0" borderId="35" xfId="0" applyNumberFormat="1" applyFont="1" applyBorder="1" applyAlignment="1">
      <alignment horizontal="right"/>
    </xf>
    <xf numFmtId="176" fontId="4" fillId="0" borderId="36" xfId="0" applyNumberFormat="1" applyFont="1" applyBorder="1" applyAlignment="1">
      <alignment horizontal="right"/>
    </xf>
    <xf numFmtId="180" fontId="4" fillId="0" borderId="26" xfId="0" applyNumberFormat="1" applyFont="1" applyBorder="1" applyAlignment="1">
      <alignment horizontal="right"/>
    </xf>
    <xf numFmtId="184" fontId="4" fillId="0" borderId="32" xfId="0" applyNumberFormat="1" applyFont="1" applyBorder="1" applyAlignment="1">
      <alignment horizontal="right"/>
    </xf>
    <xf numFmtId="182" fontId="4" fillId="0" borderId="23" xfId="0" applyNumberFormat="1" applyFont="1" applyBorder="1" applyAlignment="1">
      <alignment horizontal="right"/>
    </xf>
    <xf numFmtId="186" fontId="4" fillId="0" borderId="32" xfId="0" applyNumberFormat="1" applyFont="1" applyBorder="1" applyAlignment="1">
      <alignment horizontal="right"/>
    </xf>
    <xf numFmtId="183" fontId="4" fillId="0" borderId="24" xfId="0" applyNumberFormat="1" applyFont="1" applyBorder="1" applyAlignment="1">
      <alignment horizontal="right"/>
    </xf>
    <xf numFmtId="0" fontId="4" fillId="0" borderId="0" xfId="0" applyFont="1" applyProtection="1">
      <protection locked="0"/>
    </xf>
    <xf numFmtId="20" fontId="4" fillId="0" borderId="0" xfId="0" applyNumberFormat="1" applyFont="1" applyProtection="1">
      <protection locked="0"/>
    </xf>
    <xf numFmtId="177" fontId="4" fillId="0" borderId="0" xfId="0" applyNumberFormat="1" applyFont="1" applyProtection="1">
      <protection locked="0"/>
    </xf>
    <xf numFmtId="0" fontId="4" fillId="0" borderId="0" xfId="0" applyFont="1" applyAlignment="1" applyProtection="1">
      <alignment vertical="top"/>
      <protection locked="0"/>
    </xf>
    <xf numFmtId="177" fontId="4" fillId="0" borderId="0" xfId="0" applyNumberFormat="1" applyFont="1"/>
    <xf numFmtId="0" fontId="4" fillId="0" borderId="0" xfId="0" applyFont="1" applyAlignment="1" applyProtection="1">
      <alignment vertical="center"/>
      <protection locked="0"/>
    </xf>
    <xf numFmtId="0" fontId="4" fillId="0" borderId="0" xfId="0" applyFont="1" applyAlignment="1" applyProtection="1">
      <alignment horizontal="distributed" vertical="center" justifyLastLine="1" shrinkToFit="1"/>
      <protection locked="0"/>
    </xf>
    <xf numFmtId="176" fontId="4" fillId="0" borderId="0" xfId="0" applyNumberFormat="1" applyFont="1" applyProtection="1">
      <protection locked="0"/>
    </xf>
    <xf numFmtId="176" fontId="4" fillId="0" borderId="37" xfId="0" applyNumberFormat="1" applyFont="1" applyBorder="1" applyAlignment="1">
      <alignment horizontal="right"/>
    </xf>
    <xf numFmtId="187" fontId="4" fillId="0" borderId="34" xfId="0" applyNumberFormat="1" applyFont="1" applyBorder="1" applyAlignment="1">
      <alignment horizontal="right"/>
    </xf>
    <xf numFmtId="188" fontId="4" fillId="0" borderId="38" xfId="0" applyNumberFormat="1" applyFont="1" applyBorder="1" applyAlignment="1">
      <alignment horizontal="right" vertical="center"/>
    </xf>
    <xf numFmtId="177" fontId="4" fillId="0" borderId="38" xfId="0" applyNumberFormat="1" applyFont="1" applyBorder="1" applyAlignment="1">
      <alignment horizontal="right"/>
    </xf>
    <xf numFmtId="187" fontId="4" fillId="0" borderId="23" xfId="0" applyNumberFormat="1" applyFont="1" applyBorder="1" applyAlignment="1">
      <alignment horizontal="right"/>
    </xf>
    <xf numFmtId="188" fontId="4" fillId="0" borderId="38" xfId="0" applyNumberFormat="1" applyFont="1" applyBorder="1" applyAlignment="1">
      <alignment horizontal="right"/>
    </xf>
    <xf numFmtId="187" fontId="4" fillId="0" borderId="26" xfId="0" applyNumberFormat="1" applyFont="1" applyBorder="1" applyAlignment="1">
      <alignment horizontal="right"/>
    </xf>
    <xf numFmtId="177" fontId="4" fillId="0" borderId="27" xfId="0" applyNumberFormat="1" applyFont="1" applyBorder="1" applyAlignment="1">
      <alignment horizontal="right"/>
    </xf>
    <xf numFmtId="177" fontId="4" fillId="0" borderId="19" xfId="0" applyNumberFormat="1" applyFont="1" applyBorder="1" applyAlignment="1">
      <alignment horizontal="right"/>
    </xf>
    <xf numFmtId="177" fontId="4" fillId="0" borderId="43" xfId="0" applyNumberFormat="1" applyFont="1" applyBorder="1" applyAlignment="1">
      <alignment horizontal="right"/>
    </xf>
    <xf numFmtId="189" fontId="4" fillId="0" borderId="24" xfId="0" applyNumberFormat="1" applyFont="1" applyBorder="1" applyAlignment="1">
      <alignment horizontal="right"/>
    </xf>
    <xf numFmtId="177" fontId="4" fillId="0" borderId="44" xfId="0" applyNumberFormat="1" applyFont="1" applyBorder="1" applyAlignment="1">
      <alignment horizontal="right"/>
    </xf>
    <xf numFmtId="0" fontId="4" fillId="0" borderId="9" xfId="0" applyFont="1" applyBorder="1" applyAlignment="1">
      <alignment horizontal="distributed" vertical="center" justifyLastLine="1" shrinkToFit="1"/>
    </xf>
    <xf numFmtId="0" fontId="4" fillId="0" borderId="8" xfId="0" applyFont="1" applyBorder="1" applyAlignment="1">
      <alignment horizontal="distributed" vertical="center" justifyLastLine="1" shrinkToFit="1"/>
    </xf>
    <xf numFmtId="0" fontId="4" fillId="0" borderId="33" xfId="0" applyFont="1" applyBorder="1" applyAlignment="1">
      <alignment horizontal="distributed" vertical="center" justifyLastLine="1" shrinkToFit="1"/>
    </xf>
    <xf numFmtId="0" fontId="4" fillId="0" borderId="22" xfId="0" applyFont="1" applyBorder="1" applyAlignment="1">
      <alignment horizontal="distributed" vertical="center" justifyLastLine="1"/>
    </xf>
    <xf numFmtId="0" fontId="4" fillId="0" borderId="22" xfId="0" applyFont="1" applyBorder="1" applyAlignment="1">
      <alignment horizontal="distributed"/>
    </xf>
    <xf numFmtId="0" fontId="4" fillId="0" borderId="22" xfId="0" applyFont="1" applyBorder="1" applyAlignment="1">
      <alignment vertical="center"/>
    </xf>
    <xf numFmtId="0" fontId="4" fillId="0" borderId="17" xfId="0" applyFont="1" applyBorder="1"/>
    <xf numFmtId="0" fontId="4" fillId="0" borderId="2" xfId="0" applyFont="1" applyBorder="1" applyAlignment="1">
      <alignment horizontal="distributed" vertical="center" justifyLastLine="1" shrinkToFit="1"/>
    </xf>
    <xf numFmtId="0" fontId="4" fillId="0" borderId="35" xfId="0" applyFont="1" applyBorder="1" applyAlignment="1">
      <alignment horizontal="distributed" vertical="center" justifyLastLine="1" shrinkToFit="1"/>
    </xf>
    <xf numFmtId="0" fontId="4" fillId="0" borderId="34" xfId="0" applyFont="1" applyBorder="1" applyAlignment="1">
      <alignment horizontal="distributed" vertical="center" justifyLastLine="1" shrinkToFit="1"/>
    </xf>
    <xf numFmtId="177" fontId="4" fillId="0" borderId="25" xfId="0" applyNumberFormat="1" applyFont="1" applyBorder="1" applyAlignment="1">
      <alignment horizontal="distributed" vertical="center" justifyLastLine="1" shrinkToFit="1"/>
    </xf>
    <xf numFmtId="0" fontId="4" fillId="0" borderId="25" xfId="0" applyFont="1" applyBorder="1" applyAlignment="1">
      <alignment horizontal="distributed" vertical="center" justifyLastLine="1" shrinkToFit="1"/>
    </xf>
    <xf numFmtId="0" fontId="4" fillId="0" borderId="49" xfId="0" applyFont="1" applyBorder="1"/>
    <xf numFmtId="0" fontId="4" fillId="0" borderId="15" xfId="0" applyFont="1" applyBorder="1" applyAlignment="1">
      <alignment horizontal="distributed" vertical="center" justifyLastLine="1"/>
    </xf>
    <xf numFmtId="190" fontId="4" fillId="0" borderId="0" xfId="0" applyNumberFormat="1" applyFont="1" applyProtection="1">
      <protection locked="0"/>
    </xf>
    <xf numFmtId="191" fontId="4" fillId="0" borderId="0" xfId="0" applyNumberFormat="1" applyFont="1" applyAlignment="1" applyProtection="1">
      <alignment horizontal="right" vertical="center"/>
      <protection locked="0"/>
    </xf>
    <xf numFmtId="176" fontId="4" fillId="0" borderId="21" xfId="0" applyNumberFormat="1" applyFont="1" applyBorder="1" applyAlignment="1" applyProtection="1">
      <alignment horizontal="right" vertical="center"/>
      <protection locked="0"/>
    </xf>
    <xf numFmtId="188" fontId="4" fillId="0" borderId="35" xfId="0" applyNumberFormat="1" applyFont="1" applyBorder="1" applyAlignment="1">
      <alignment horizontal="right" vertical="center"/>
    </xf>
    <xf numFmtId="176" fontId="4" fillId="0" borderId="34" xfId="0" applyNumberFormat="1" applyFont="1" applyBorder="1" applyAlignment="1">
      <alignment horizontal="right" vertical="center"/>
    </xf>
    <xf numFmtId="188" fontId="4" fillId="0" borderId="12" xfId="0" applyNumberFormat="1" applyFont="1" applyBorder="1" applyAlignment="1">
      <alignment horizontal="right" vertical="center"/>
    </xf>
    <xf numFmtId="176" fontId="4" fillId="0" borderId="11" xfId="0" applyNumberFormat="1" applyFont="1" applyBorder="1" applyAlignment="1">
      <alignment horizontal="right" vertical="center"/>
    </xf>
    <xf numFmtId="192" fontId="4" fillId="0" borderId="11" xfId="0" applyNumberFormat="1" applyFont="1" applyBorder="1" applyAlignment="1">
      <alignment horizontal="right" vertical="center"/>
    </xf>
    <xf numFmtId="185" fontId="4" fillId="0" borderId="11" xfId="0" applyNumberFormat="1" applyFont="1" applyBorder="1" applyAlignment="1">
      <alignment horizontal="center" vertical="center"/>
    </xf>
    <xf numFmtId="188" fontId="4" fillId="0" borderId="27" xfId="0" applyNumberFormat="1" applyFont="1" applyBorder="1" applyAlignment="1">
      <alignment horizontal="right" vertical="center"/>
    </xf>
    <xf numFmtId="176" fontId="4" fillId="0" borderId="26" xfId="0" applyNumberFormat="1" applyFont="1" applyBorder="1" applyAlignment="1">
      <alignment horizontal="right" vertical="center"/>
    </xf>
    <xf numFmtId="176" fontId="4" fillId="0" borderId="6" xfId="0" applyNumberFormat="1" applyFont="1" applyBorder="1" applyAlignment="1">
      <alignment horizontal="right" vertical="center"/>
    </xf>
    <xf numFmtId="192" fontId="4" fillId="0" borderId="6" xfId="0" applyNumberFormat="1" applyFont="1" applyBorder="1" applyAlignment="1">
      <alignment horizontal="right" vertical="center"/>
    </xf>
    <xf numFmtId="185" fontId="4" fillId="0" borderId="6" xfId="0" applyNumberFormat="1" applyFont="1" applyBorder="1" applyAlignment="1">
      <alignment horizontal="center" vertical="center"/>
    </xf>
    <xf numFmtId="188" fontId="4" fillId="0" borderId="50" xfId="0" applyNumberFormat="1" applyFont="1" applyBorder="1" applyAlignment="1">
      <alignment horizontal="right" vertical="center"/>
    </xf>
    <xf numFmtId="176" fontId="4" fillId="0" borderId="52" xfId="0" applyNumberFormat="1" applyFont="1" applyBorder="1" applyAlignment="1">
      <alignment horizontal="right" vertical="center"/>
    </xf>
    <xf numFmtId="188" fontId="4" fillId="0" borderId="58" xfId="0" applyNumberFormat="1" applyFont="1" applyBorder="1" applyAlignment="1">
      <alignment horizontal="right" vertical="center"/>
    </xf>
    <xf numFmtId="176" fontId="4" fillId="0" borderId="59" xfId="0" applyNumberFormat="1" applyFont="1" applyBorder="1" applyAlignment="1">
      <alignment horizontal="right" vertical="center"/>
    </xf>
    <xf numFmtId="192" fontId="4" fillId="0" borderId="59" xfId="0" applyNumberFormat="1" applyFont="1" applyBorder="1" applyAlignment="1">
      <alignment horizontal="right" vertical="center"/>
    </xf>
    <xf numFmtId="178" fontId="4" fillId="0" borderId="59" xfId="0" applyNumberFormat="1" applyFont="1" applyBorder="1" applyAlignment="1">
      <alignment horizontal="center" vertical="center"/>
    </xf>
    <xf numFmtId="188" fontId="4" fillId="0" borderId="60" xfId="0" applyNumberFormat="1" applyFont="1" applyBorder="1" applyAlignment="1">
      <alignment horizontal="right" vertical="center"/>
    </xf>
    <xf numFmtId="176" fontId="4" fillId="0" borderId="23" xfId="0" applyNumberFormat="1" applyFont="1" applyBorder="1" applyAlignment="1">
      <alignment horizontal="right" vertical="center"/>
    </xf>
    <xf numFmtId="188" fontId="4" fillId="0" borderId="24" xfId="0" applyNumberFormat="1" applyFont="1" applyBorder="1" applyAlignment="1">
      <alignment horizontal="right" vertical="center"/>
    </xf>
    <xf numFmtId="176" fontId="4" fillId="0" borderId="40" xfId="0" applyNumberFormat="1" applyFont="1" applyBorder="1" applyAlignment="1">
      <alignment horizontal="right" vertical="center"/>
    </xf>
    <xf numFmtId="192" fontId="4" fillId="0" borderId="40" xfId="0" applyNumberFormat="1" applyFont="1" applyBorder="1" applyAlignment="1">
      <alignment horizontal="right" vertical="center"/>
    </xf>
    <xf numFmtId="178" fontId="4" fillId="0" borderId="40" xfId="0" applyNumberFormat="1" applyFont="1" applyBorder="1" applyAlignment="1">
      <alignment horizontal="center" vertical="center"/>
    </xf>
    <xf numFmtId="0" fontId="4" fillId="0" borderId="0" xfId="0" applyFont="1" applyAlignment="1" applyProtection="1">
      <alignment horizontal="distributed" vertical="center"/>
      <protection locked="0"/>
    </xf>
    <xf numFmtId="0" fontId="4" fillId="0" borderId="21" xfId="0" applyFont="1" applyBorder="1" applyAlignment="1" applyProtection="1">
      <alignment horizontal="distributed" vertical="center"/>
      <protection locked="0"/>
    </xf>
    <xf numFmtId="0" fontId="4" fillId="0" borderId="9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horizontal="distributed" vertical="center" justifyLastLine="1"/>
    </xf>
    <xf numFmtId="0" fontId="4" fillId="0" borderId="7" xfId="0" applyFont="1" applyBorder="1" applyAlignment="1">
      <alignment horizontal="distributed" vertical="center" justifyLastLine="1"/>
    </xf>
    <xf numFmtId="190" fontId="4" fillId="0" borderId="15" xfId="0" applyNumberFormat="1" applyFont="1" applyBorder="1" applyAlignment="1">
      <alignment horizontal="distributed" vertical="center" justifyLastLine="1"/>
    </xf>
    <xf numFmtId="0" fontId="4" fillId="0" borderId="11" xfId="0" applyFont="1" applyBorder="1" applyAlignment="1">
      <alignment horizontal="distributed" vertical="center"/>
    </xf>
    <xf numFmtId="0" fontId="4" fillId="0" borderId="21" xfId="0" applyFont="1" applyBorder="1" applyAlignment="1" applyProtection="1">
      <alignment vertical="center"/>
      <protection locked="0"/>
    </xf>
    <xf numFmtId="0" fontId="4" fillId="0" borderId="0" xfId="0" applyFont="1" applyAlignment="1" applyProtection="1">
      <alignment horizontal="centerContinuous" vertical="top"/>
      <protection locked="0"/>
    </xf>
    <xf numFmtId="0" fontId="4" fillId="0" borderId="21" xfId="0" applyFont="1" applyBorder="1" applyAlignment="1" applyProtection="1">
      <alignment horizontal="centerContinuous" vertical="top"/>
      <protection locked="0"/>
    </xf>
    <xf numFmtId="0" fontId="4" fillId="0" borderId="22" xfId="0" applyFont="1" applyBorder="1" applyAlignment="1">
      <alignment horizontal="distributed" vertical="center"/>
    </xf>
    <xf numFmtId="0" fontId="4" fillId="0" borderId="0" xfId="0" applyFont="1" applyAlignment="1" applyProtection="1">
      <alignment horizontal="centerContinuous" vertical="center"/>
      <protection locked="0"/>
    </xf>
    <xf numFmtId="0" fontId="4" fillId="0" borderId="21" xfId="0" applyFont="1" applyBorder="1" applyAlignment="1" applyProtection="1">
      <alignment horizontal="centerContinuous" vertical="center"/>
      <protection locked="0"/>
    </xf>
    <xf numFmtId="0" fontId="4" fillId="0" borderId="5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0" fontId="4" fillId="0" borderId="61" xfId="0" applyFont="1" applyBorder="1" applyAlignment="1">
      <alignment horizontal="right"/>
    </xf>
    <xf numFmtId="190" fontId="4" fillId="0" borderId="0" xfId="0" applyNumberFormat="1" applyFont="1"/>
    <xf numFmtId="0" fontId="4" fillId="0" borderId="0" xfId="0" applyFont="1" applyAlignment="1">
      <alignment horizontal="centerContinuous"/>
    </xf>
    <xf numFmtId="0" fontId="9" fillId="0" borderId="0" xfId="1" applyFont="1"/>
    <xf numFmtId="0" fontId="9" fillId="0" borderId="0" xfId="1" applyFont="1" applyAlignment="1">
      <alignment vertical="center"/>
    </xf>
    <xf numFmtId="193" fontId="10" fillId="0" borderId="0" xfId="1" applyNumberFormat="1" applyFont="1"/>
    <xf numFmtId="193" fontId="9" fillId="0" borderId="63" xfId="1" applyNumberFormat="1" applyFont="1" applyBorder="1" applyAlignment="1">
      <alignment vertical="center"/>
    </xf>
    <xf numFmtId="3" fontId="11" fillId="0" borderId="0" xfId="1" applyNumberFormat="1" applyFont="1" applyAlignment="1">
      <alignment vertical="center"/>
    </xf>
    <xf numFmtId="193" fontId="9" fillId="0" borderId="0" xfId="1" applyNumberFormat="1" applyFont="1" applyAlignment="1">
      <alignment vertical="center"/>
    </xf>
    <xf numFmtId="193" fontId="9" fillId="0" borderId="66" xfId="1" applyNumberFormat="1" applyFont="1" applyBorder="1" applyAlignment="1">
      <alignment vertical="center"/>
    </xf>
    <xf numFmtId="193" fontId="9" fillId="0" borderId="67" xfId="1" applyNumberFormat="1" applyFont="1" applyBorder="1" applyAlignment="1">
      <alignment vertical="center"/>
    </xf>
    <xf numFmtId="0" fontId="12" fillId="0" borderId="0" xfId="1" applyFont="1"/>
    <xf numFmtId="193" fontId="9" fillId="0" borderId="70" xfId="1" applyNumberFormat="1" applyFont="1" applyBorder="1" applyAlignment="1">
      <alignment vertical="center"/>
    </xf>
    <xf numFmtId="193" fontId="9" fillId="0" borderId="71" xfId="1" applyNumberFormat="1" applyFont="1" applyBorder="1" applyAlignment="1">
      <alignment vertical="center"/>
    </xf>
    <xf numFmtId="193" fontId="9" fillId="0" borderId="72" xfId="1" applyNumberFormat="1" applyFont="1" applyBorder="1" applyAlignment="1">
      <alignment vertical="center"/>
    </xf>
    <xf numFmtId="193" fontId="9" fillId="0" borderId="73" xfId="1" applyNumberFormat="1" applyFont="1" applyBorder="1" applyAlignment="1">
      <alignment vertical="center"/>
    </xf>
    <xf numFmtId="0" fontId="10" fillId="0" borderId="0" xfId="1" applyFont="1"/>
    <xf numFmtId="0" fontId="12" fillId="0" borderId="0" xfId="1" applyFont="1" applyAlignment="1">
      <alignment horizontal="right"/>
    </xf>
    <xf numFmtId="0" fontId="13" fillId="0" borderId="0" xfId="1" applyFont="1"/>
    <xf numFmtId="3" fontId="9" fillId="0" borderId="0" xfId="1" applyNumberFormat="1" applyFont="1"/>
    <xf numFmtId="0" fontId="14" fillId="0" borderId="0" xfId="1" applyFont="1"/>
    <xf numFmtId="193" fontId="9" fillId="0" borderId="76" xfId="1" applyNumberFormat="1" applyFont="1" applyBorder="1" applyAlignment="1">
      <alignment vertical="center"/>
    </xf>
    <xf numFmtId="193" fontId="9" fillId="0" borderId="77" xfId="1" applyNumberFormat="1" applyFont="1" applyBorder="1" applyAlignment="1">
      <alignment vertical="center"/>
    </xf>
    <xf numFmtId="0" fontId="9" fillId="0" borderId="0" xfId="1" applyFont="1" applyAlignment="1">
      <alignment wrapText="1"/>
    </xf>
    <xf numFmtId="0" fontId="9" fillId="0" borderId="51" xfId="1" applyFont="1" applyBorder="1" applyAlignment="1">
      <alignment horizontal="center" vertical="center"/>
    </xf>
    <xf numFmtId="0" fontId="9" fillId="0" borderId="78" xfId="1" applyFont="1" applyBorder="1" applyAlignment="1">
      <alignment horizontal="center" vertical="center"/>
    </xf>
    <xf numFmtId="49" fontId="9" fillId="0" borderId="0" xfId="1" applyNumberFormat="1" applyFont="1" applyAlignment="1">
      <alignment vertical="center"/>
    </xf>
    <xf numFmtId="193" fontId="9" fillId="0" borderId="62" xfId="1" applyNumberFormat="1" applyFont="1" applyBorder="1" applyAlignment="1">
      <alignment vertical="center"/>
    </xf>
    <xf numFmtId="193" fontId="9" fillId="0" borderId="82" xfId="1" applyNumberFormat="1" applyFont="1" applyBorder="1" applyAlignment="1">
      <alignment horizontal="right" vertical="center"/>
    </xf>
    <xf numFmtId="193" fontId="9" fillId="0" borderId="83" xfId="1" applyNumberFormat="1" applyFont="1" applyBorder="1" applyAlignment="1">
      <alignment vertical="center"/>
    </xf>
    <xf numFmtId="0" fontId="15" fillId="0" borderId="0" xfId="1" applyFont="1" applyAlignment="1">
      <alignment horizontal="right"/>
    </xf>
    <xf numFmtId="193" fontId="9" fillId="0" borderId="84" xfId="1" applyNumberFormat="1" applyFont="1" applyBorder="1" applyAlignment="1">
      <alignment vertical="center"/>
    </xf>
    <xf numFmtId="0" fontId="15" fillId="0" borderId="0" xfId="1" applyFont="1"/>
    <xf numFmtId="193" fontId="9" fillId="0" borderId="85" xfId="1" applyNumberFormat="1" applyFont="1" applyBorder="1" applyAlignment="1">
      <alignment vertical="center"/>
    </xf>
    <xf numFmtId="0" fontId="9" fillId="0" borderId="0" xfId="1" applyFont="1" applyAlignment="1">
      <alignment horizontal="center"/>
    </xf>
    <xf numFmtId="0" fontId="16" fillId="0" borderId="0" xfId="1" applyFont="1"/>
    <xf numFmtId="193" fontId="9" fillId="0" borderId="86" xfId="1" applyNumberFormat="1" applyFont="1" applyBorder="1" applyAlignment="1">
      <alignment vertical="center"/>
    </xf>
    <xf numFmtId="0" fontId="9" fillId="0" borderId="87" xfId="1" applyFont="1" applyBorder="1" applyAlignment="1">
      <alignment horizontal="center" vertical="center"/>
    </xf>
    <xf numFmtId="0" fontId="4" fillId="0" borderId="0" xfId="0" applyFont="1" applyAlignment="1">
      <alignment horizontal="center"/>
    </xf>
    <xf numFmtId="188" fontId="4" fillId="0" borderId="19" xfId="0" applyNumberFormat="1" applyFont="1" applyBorder="1" applyAlignment="1">
      <alignment horizontal="right"/>
    </xf>
    <xf numFmtId="0" fontId="5" fillId="0" borderId="7" xfId="0" applyFont="1" applyBorder="1" applyAlignment="1">
      <alignment horizontal="distributed" vertical="center" justifyLastLine="1"/>
    </xf>
    <xf numFmtId="0" fontId="5" fillId="0" borderId="8" xfId="0" applyFont="1" applyBorder="1" applyAlignment="1">
      <alignment horizontal="distributed" vertical="center" justifyLastLine="1"/>
    </xf>
    <xf numFmtId="0" fontId="5" fillId="0" borderId="9" xfId="0" applyFont="1" applyBorder="1" applyAlignment="1">
      <alignment horizontal="distributed" vertical="center" justifyLastLine="1"/>
    </xf>
    <xf numFmtId="0" fontId="5" fillId="0" borderId="6" xfId="0" applyFont="1" applyBorder="1" applyAlignment="1">
      <alignment horizontal="distributed" justifyLastLine="1"/>
    </xf>
    <xf numFmtId="0" fontId="5" fillId="0" borderId="0" xfId="0" applyFont="1" applyAlignment="1">
      <alignment horizontal="distributed" justifyLastLine="1"/>
    </xf>
    <xf numFmtId="0" fontId="5" fillId="0" borderId="10" xfId="0" applyFont="1" applyBorder="1" applyAlignment="1">
      <alignment horizontal="distributed" justifyLastLine="1"/>
    </xf>
    <xf numFmtId="0" fontId="4" fillId="0" borderId="3" xfId="0" applyFont="1" applyBorder="1" applyAlignment="1">
      <alignment horizontal="distributed" vertical="center" justifyLastLine="1"/>
    </xf>
    <xf numFmtId="0" fontId="4" fillId="0" borderId="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vertical="center" justifyLastLine="1"/>
    </xf>
    <xf numFmtId="0" fontId="4" fillId="0" borderId="10" xfId="0" applyFont="1" applyBorder="1" applyAlignment="1">
      <alignment horizontal="distributed" vertical="center" justifyLastLine="1"/>
    </xf>
    <xf numFmtId="0" fontId="4" fillId="0" borderId="11" xfId="0" applyFont="1" applyBorder="1" applyAlignment="1">
      <alignment horizontal="distributed" vertical="center" justifyLastLine="1"/>
    </xf>
    <xf numFmtId="0" fontId="4" fillId="0" borderId="12" xfId="0" applyFont="1" applyBorder="1" applyAlignment="1">
      <alignment horizontal="distributed" vertical="center" justifyLastLine="1"/>
    </xf>
    <xf numFmtId="0" fontId="4" fillId="0" borderId="3" xfId="0" applyFont="1" applyBorder="1" applyAlignment="1">
      <alignment horizontal="distributed" vertical="center" wrapText="1" justifyLastLine="1"/>
    </xf>
    <xf numFmtId="0" fontId="4" fillId="0" borderId="5" xfId="0" applyFont="1" applyBorder="1" applyAlignment="1">
      <alignment horizontal="distributed" vertical="center" wrapText="1" justifyLastLine="1"/>
    </xf>
    <xf numFmtId="0" fontId="4" fillId="0" borderId="6" xfId="0" applyFont="1" applyBorder="1" applyAlignment="1">
      <alignment horizontal="distributed" vertical="center" wrapText="1" justifyLastLine="1"/>
    </xf>
    <xf numFmtId="0" fontId="4" fillId="0" borderId="10" xfId="0" applyFont="1" applyBorder="1" applyAlignment="1">
      <alignment horizontal="distributed" vertical="center" wrapText="1" justifyLastLine="1"/>
    </xf>
    <xf numFmtId="0" fontId="4" fillId="0" borderId="11" xfId="0" applyFont="1" applyBorder="1" applyAlignment="1">
      <alignment horizontal="distributed" vertical="center" wrapText="1" justifyLastLine="1"/>
    </xf>
    <xf numFmtId="0" fontId="4" fillId="0" borderId="12" xfId="0" applyFont="1" applyBorder="1" applyAlignment="1">
      <alignment horizontal="distributed" vertical="center" wrapText="1" justifyLastLine="1"/>
    </xf>
    <xf numFmtId="178" fontId="4" fillId="0" borderId="17" xfId="0" applyNumberFormat="1" applyFont="1" applyBorder="1" applyAlignment="1">
      <alignment horizontal="center" vertical="center"/>
    </xf>
    <xf numFmtId="178" fontId="4" fillId="0" borderId="22" xfId="0" applyNumberFormat="1" applyFont="1" applyBorder="1" applyAlignment="1">
      <alignment horizontal="center" vertical="center"/>
    </xf>
    <xf numFmtId="178" fontId="4" fillId="0" borderId="33" xfId="0" applyNumberFormat="1" applyFont="1" applyBorder="1" applyAlignment="1">
      <alignment horizontal="center" vertical="center"/>
    </xf>
    <xf numFmtId="176" fontId="4" fillId="0" borderId="28" xfId="0" applyNumberFormat="1" applyFont="1" applyBorder="1" applyAlignment="1">
      <alignment horizontal="right"/>
    </xf>
    <xf numFmtId="176" fontId="4" fillId="0" borderId="30" xfId="0" applyNumberFormat="1" applyFont="1" applyBorder="1" applyAlignment="1">
      <alignment horizontal="right"/>
    </xf>
    <xf numFmtId="179" fontId="4" fillId="0" borderId="29" xfId="0" applyNumberFormat="1" applyFont="1" applyBorder="1" applyAlignment="1">
      <alignment horizontal="center"/>
    </xf>
    <xf numFmtId="179" fontId="4" fillId="0" borderId="31" xfId="0" applyNumberFormat="1" applyFont="1" applyBorder="1" applyAlignment="1">
      <alignment horizontal="center"/>
    </xf>
    <xf numFmtId="185" fontId="4" fillId="0" borderId="17" xfId="0" applyNumberFormat="1" applyFont="1" applyBorder="1" applyAlignment="1">
      <alignment horizontal="center" vertical="center"/>
    </xf>
    <xf numFmtId="185" fontId="4" fillId="0" borderId="22" xfId="0" applyNumberFormat="1" applyFont="1" applyBorder="1" applyAlignment="1">
      <alignment horizontal="center" vertical="center"/>
    </xf>
    <xf numFmtId="185" fontId="4" fillId="0" borderId="33" xfId="0" applyNumberFormat="1" applyFont="1" applyBorder="1" applyAlignment="1">
      <alignment horizontal="center" vertical="center"/>
    </xf>
    <xf numFmtId="185" fontId="4" fillId="0" borderId="39" xfId="0" applyNumberFormat="1" applyFont="1" applyBorder="1" applyAlignment="1">
      <alignment horizontal="center" vertical="center"/>
    </xf>
    <xf numFmtId="185" fontId="4" fillId="0" borderId="42" xfId="0" applyNumberFormat="1" applyFont="1" applyBorder="1" applyAlignment="1">
      <alignment horizontal="center" vertical="center"/>
    </xf>
    <xf numFmtId="178" fontId="4" fillId="0" borderId="42" xfId="0" applyNumberFormat="1" applyFont="1" applyBorder="1" applyAlignment="1">
      <alignment horizontal="center" vertical="center"/>
    </xf>
    <xf numFmtId="178" fontId="4" fillId="0" borderId="39" xfId="0" applyNumberFormat="1" applyFont="1" applyBorder="1" applyAlignment="1">
      <alignment horizontal="center" vertical="center"/>
    </xf>
    <xf numFmtId="185" fontId="4" fillId="0" borderId="41" xfId="0" applyNumberFormat="1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5" fillId="0" borderId="13" xfId="0" applyFont="1" applyBorder="1" applyAlignment="1">
      <alignment horizontal="distributed" vertical="center" justifyLastLine="1"/>
    </xf>
    <xf numFmtId="0" fontId="4" fillId="0" borderId="57" xfId="0" applyFont="1" applyBorder="1" applyAlignment="1">
      <alignment horizontal="distributed" vertical="center" justifyLastLine="1"/>
    </xf>
    <xf numFmtId="0" fontId="4" fillId="0" borderId="15" xfId="0" applyFont="1" applyBorder="1" applyAlignment="1">
      <alignment horizontal="distributed" vertical="center" justifyLastLine="1"/>
    </xf>
    <xf numFmtId="0" fontId="4" fillId="0" borderId="0" xfId="0" applyFont="1" applyAlignment="1">
      <alignment horizontal="distributed" justifyLastLine="1"/>
    </xf>
    <xf numFmtId="0" fontId="4" fillId="0" borderId="55" xfId="0" applyFont="1" applyBorder="1" applyAlignment="1">
      <alignment horizontal="distributed" vertical="center" justifyLastLine="1"/>
    </xf>
    <xf numFmtId="0" fontId="4" fillId="0" borderId="56" xfId="0" applyFont="1" applyBorder="1" applyAlignment="1">
      <alignment horizontal="distributed" vertical="center" justifyLastLine="1"/>
    </xf>
    <xf numFmtId="0" fontId="4" fillId="0" borderId="52" xfId="0" applyFont="1" applyBorder="1" applyAlignment="1">
      <alignment horizontal="distributed" vertical="center" justifyLastLine="1"/>
    </xf>
    <xf numFmtId="0" fontId="4" fillId="0" borderId="53" xfId="0" applyFont="1" applyBorder="1" applyAlignment="1">
      <alignment horizontal="distributed" vertical="center" justifyLastLine="1"/>
    </xf>
    <xf numFmtId="0" fontId="4" fillId="0" borderId="47" xfId="0" applyFont="1" applyBorder="1" applyAlignment="1">
      <alignment horizontal="distributed" vertical="center" justifyLastLine="1"/>
    </xf>
    <xf numFmtId="0" fontId="4" fillId="0" borderId="48" xfId="0" applyFont="1" applyBorder="1" applyAlignment="1">
      <alignment horizontal="distributed" vertical="center" justifyLastLine="1"/>
    </xf>
    <xf numFmtId="0" fontId="4" fillId="0" borderId="54" xfId="0" applyFont="1" applyBorder="1" applyAlignment="1">
      <alignment horizontal="distributed" vertical="center" justifyLastLine="1"/>
    </xf>
    <xf numFmtId="0" fontId="4" fillId="0" borderId="50" xfId="0" applyFont="1" applyBorder="1" applyAlignment="1">
      <alignment horizontal="distributed" vertical="center" justifyLastLine="1"/>
    </xf>
    <xf numFmtId="0" fontId="4" fillId="0" borderId="45" xfId="0" applyFont="1" applyBorder="1" applyAlignment="1">
      <alignment horizontal="distributed" vertical="center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25" xfId="0" applyFont="1" applyBorder="1" applyAlignment="1">
      <alignment horizontal="distributed" vertical="center" justifyLastLine="1"/>
    </xf>
    <xf numFmtId="0" fontId="4" fillId="0" borderId="51" xfId="0" applyFont="1" applyBorder="1" applyAlignment="1">
      <alignment horizontal="distributed" vertical="center" justifyLastLine="1"/>
    </xf>
    <xf numFmtId="0" fontId="4" fillId="0" borderId="46" xfId="0" applyFont="1" applyBorder="1" applyAlignment="1">
      <alignment horizontal="distributed" vertical="center" justifyLastLine="1"/>
    </xf>
    <xf numFmtId="0" fontId="4" fillId="0" borderId="2" xfId="0" applyFont="1" applyBorder="1" applyAlignment="1">
      <alignment horizontal="distributed" vertical="center" wrapText="1" justifyLastLine="1"/>
    </xf>
    <xf numFmtId="0" fontId="4" fillId="0" borderId="24" xfId="0" applyFont="1" applyBorder="1"/>
    <xf numFmtId="0" fontId="4" fillId="0" borderId="51" xfId="0" applyFont="1" applyBorder="1"/>
    <xf numFmtId="0" fontId="4" fillId="0" borderId="50" xfId="0" applyFont="1" applyBorder="1"/>
    <xf numFmtId="0" fontId="4" fillId="0" borderId="46" xfId="0" applyFont="1" applyBorder="1"/>
    <xf numFmtId="0" fontId="4" fillId="0" borderId="45" xfId="0" applyFont="1" applyBorder="1"/>
    <xf numFmtId="0" fontId="4" fillId="0" borderId="61" xfId="0" applyFont="1" applyBorder="1" applyAlignment="1">
      <alignment horizontal="right"/>
    </xf>
    <xf numFmtId="0" fontId="4" fillId="0" borderId="8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5" fillId="0" borderId="0" xfId="0" applyFont="1" applyAlignment="1">
      <alignment horizontal="distributed" vertical="center" justifyLastLine="1"/>
    </xf>
    <xf numFmtId="0" fontId="4" fillId="0" borderId="0" xfId="0" applyFont="1" applyAlignment="1">
      <alignment horizontal="distributed" vertical="center" justifyLastLine="1"/>
    </xf>
    <xf numFmtId="0" fontId="4" fillId="0" borderId="55" xfId="0" applyFont="1" applyBorder="1" applyAlignment="1">
      <alignment horizontal="distributed" vertical="center" wrapText="1" justifyLastLine="1"/>
    </xf>
    <xf numFmtId="0" fontId="4" fillId="0" borderId="54" xfId="0" applyFont="1" applyBorder="1" applyAlignment="1">
      <alignment horizontal="distributed" vertical="center" wrapText="1" justifyLastLine="1"/>
    </xf>
    <xf numFmtId="0" fontId="4" fillId="0" borderId="47" xfId="0" applyFont="1" applyBorder="1" applyAlignment="1">
      <alignment horizontal="distributed" vertical="center" wrapText="1" justifyLastLine="1"/>
    </xf>
    <xf numFmtId="0" fontId="4" fillId="0" borderId="45" xfId="0" applyFont="1" applyBorder="1" applyAlignment="1">
      <alignment horizontal="distributed" vertical="center" wrapText="1" justifyLastLine="1"/>
    </xf>
    <xf numFmtId="0" fontId="4" fillId="0" borderId="18" xfId="0" applyFont="1" applyBorder="1" applyAlignment="1">
      <alignment horizontal="distributed" wrapText="1" justifyLastLine="1"/>
    </xf>
    <xf numFmtId="0" fontId="4" fillId="0" borderId="19" xfId="0" applyFont="1" applyBorder="1" applyAlignment="1">
      <alignment horizontal="distributed" wrapText="1" justifyLastLine="1"/>
    </xf>
    <xf numFmtId="0" fontId="4" fillId="0" borderId="36" xfId="0" applyFont="1" applyBorder="1" applyAlignment="1">
      <alignment horizontal="center" vertical="top" wrapText="1"/>
    </xf>
    <xf numFmtId="0" fontId="4" fillId="0" borderId="21" xfId="0" applyFont="1" applyBorder="1" applyAlignment="1">
      <alignment horizontal="center" vertical="top" wrapText="1"/>
    </xf>
    <xf numFmtId="0" fontId="9" fillId="0" borderId="75" xfId="1" applyFont="1" applyBorder="1" applyAlignment="1">
      <alignment horizontal="center" vertical="center"/>
    </xf>
    <xf numFmtId="0" fontId="9" fillId="0" borderId="74" xfId="1" applyFont="1" applyBorder="1" applyAlignment="1">
      <alignment horizontal="center" vertical="center"/>
    </xf>
    <xf numFmtId="0" fontId="9" fillId="0" borderId="72" xfId="1" applyFont="1" applyBorder="1" applyAlignment="1">
      <alignment horizontal="center" vertical="center"/>
    </xf>
    <xf numFmtId="0" fontId="9" fillId="0" borderId="81" xfId="1" applyFont="1" applyBorder="1" applyAlignment="1">
      <alignment vertical="center"/>
    </xf>
    <xf numFmtId="0" fontId="9" fillId="0" borderId="80" xfId="1" applyFont="1" applyBorder="1" applyAlignment="1">
      <alignment vertical="center"/>
    </xf>
    <xf numFmtId="0" fontId="9" fillId="0" borderId="79" xfId="1" applyFont="1" applyBorder="1" applyAlignment="1">
      <alignment vertical="center"/>
    </xf>
    <xf numFmtId="0" fontId="9" fillId="0" borderId="69" xfId="1" applyFont="1" applyBorder="1" applyAlignment="1">
      <alignment horizontal="center" vertical="center"/>
    </xf>
    <xf numFmtId="0" fontId="9" fillId="0" borderId="68" xfId="1" applyFont="1" applyBorder="1" applyAlignment="1">
      <alignment horizontal="center" vertical="center"/>
    </xf>
    <xf numFmtId="0" fontId="9" fillId="0" borderId="66" xfId="1" applyFont="1" applyBorder="1" applyAlignment="1">
      <alignment horizontal="center" vertical="center"/>
    </xf>
    <xf numFmtId="0" fontId="9" fillId="0" borderId="65" xfId="1" applyFont="1" applyBorder="1" applyAlignment="1">
      <alignment horizontal="center" vertical="center"/>
    </xf>
    <xf numFmtId="0" fontId="9" fillId="0" borderId="64" xfId="1" applyFont="1" applyBorder="1" applyAlignment="1">
      <alignment horizontal="center" vertical="center"/>
    </xf>
    <xf numFmtId="0" fontId="9" fillId="0" borderId="62" xfId="1" applyFont="1" applyBorder="1" applyAlignment="1">
      <alignment horizontal="center" vertical="center"/>
    </xf>
    <xf numFmtId="0" fontId="4" fillId="0" borderId="0" xfId="3" applyFont="1" applyProtection="1">
      <protection locked="0"/>
    </xf>
    <xf numFmtId="196" fontId="4" fillId="0" borderId="27" xfId="0" applyNumberFormat="1" applyFont="1" applyBorder="1" applyAlignment="1">
      <alignment horizontal="right" vertical="center"/>
    </xf>
  </cellXfs>
  <cellStyles count="4">
    <cellStyle name="標準" xfId="0" builtinId="0"/>
    <cellStyle name="標準 2" xfId="1" xr:uid="{A3001AEC-0CFF-474E-A93D-6CC1A7EA227E}"/>
    <cellStyle name="標準 3" xfId="2" xr:uid="{E406F42E-095B-4DB1-AE02-102FC4F951CF}"/>
    <cellStyle name="標準_QBGE0700" xfId="3" xr:uid="{735079DE-A2E1-40A9-B999-6699D5553B5B}"/>
  </cellStyles>
  <dxfs count="9"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  <dxf>
      <numFmt numFmtId="195" formatCode="[$-411]&quot;1.&quot;m"/>
    </dxf>
  </dxfs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2.xml"/><Relationship Id="rId10" Type="http://schemas.openxmlformats.org/officeDocument/2006/relationships/externalLink" Target="externalLinks/externalLink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4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33\D\OurDocuments\05%20&#12507;&#12540;&#12512;&#12506;&#12540;&#12472;&#12539;&#36890;&#36948;&#38306;&#20418;\Web&#31649;&#29702;&#25285;&#24403;\01%20Web&#31649;&#29702;&#25285;&#24403;\012%20&#25522;&#36617;&#20013;&#12501;&#12449;&#12452;&#12523;\000%20&#23450;&#20363;&#26696;&#20214;\C%20&#20840;&#37504;&#12471;&#12473;&#12486;&#12512;&#36939;&#29992;&#29366;&#27841;&#22577;&#21578;\2401\240116&#36039;&#26989;&#20840;9-6.xlsx" TargetMode="External"/><Relationship Id="rId1" Type="http://schemas.openxmlformats.org/officeDocument/2006/relationships/externalLinkPath" Target="240116&#36039;&#26989;&#20840;9-6.xlsx" TargetMode="External"/></Relationships>
</file>

<file path=xl/externalLinks/_rels/externalLink2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33\D\OurDocuments\05%20&#12507;&#12540;&#12512;&#12506;&#12540;&#12472;&#12539;&#36890;&#36948;&#38306;&#20418;\Web&#31649;&#29702;&#25285;&#24403;\01%20Web&#31649;&#29702;&#25285;&#24403;\012%20&#25522;&#36617;&#20013;&#12501;&#12449;&#12452;&#12523;\000%20&#23450;&#20363;&#26696;&#20214;\C%20&#20840;&#37504;&#12471;&#12473;&#12486;&#12512;&#36939;&#29992;&#29366;&#27841;&#22577;&#21578;\2401\240116&#36039;&#26989;&#20840;9-7.xlsx" TargetMode="External"/><Relationship Id="rId1" Type="http://schemas.openxmlformats.org/officeDocument/2006/relationships/externalLinkPath" Target="240116&#36039;&#26989;&#20840;9-7.xlsx" TargetMode="External"/></Relationships>
</file>

<file path=xl/externalLinks/_rels/externalLink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33\D\OurDocuments\05%20&#12507;&#12540;&#12512;&#12506;&#12540;&#12472;&#12539;&#36890;&#36948;&#38306;&#20418;\Web&#31649;&#29702;&#25285;&#24403;\01%20Web&#31649;&#29702;&#25285;&#24403;\012%20&#25522;&#36617;&#20013;&#12501;&#12449;&#12452;&#12523;\000%20&#23450;&#20363;&#26696;&#20214;\C%20&#20840;&#37504;&#12471;&#12473;&#12486;&#12512;&#36939;&#29992;&#29366;&#27841;&#22577;&#21578;\2401\240116&#36039;&#26989;&#20840;9-8.xlsx" TargetMode="External"/><Relationship Id="rId1" Type="http://schemas.openxmlformats.org/officeDocument/2006/relationships/externalLinkPath" Target="240116&#36039;&#26989;&#20840;9-8.xlsx" TargetMode="External"/></Relationships>
</file>

<file path=xl/externalLinks/_rels/externalLink4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33\D\OurDocuments\05%20&#12507;&#12540;&#12512;&#12506;&#12540;&#12472;&#12539;&#36890;&#36948;&#38306;&#20418;\Web&#31649;&#29702;&#25285;&#24403;\01%20Web&#31649;&#29702;&#25285;&#24403;\012%20&#25522;&#36617;&#20013;&#12501;&#12449;&#12452;&#12523;\000%20&#23450;&#20363;&#26696;&#20214;\C%20&#20840;&#37504;&#12471;&#12473;&#12486;&#12512;&#36939;&#29992;&#29366;&#27841;&#22577;&#21578;\2401\240116&#36039;&#26989;&#20840;9-10.xlsx" TargetMode="External"/><Relationship Id="rId1" Type="http://schemas.openxmlformats.org/officeDocument/2006/relationships/externalLinkPath" Target="240116&#36039;&#26989;&#20840;9-1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(1)テレ為替取扱高の推移①コア"/>
    </sheetNames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(1)②モア"/>
    </sheetNames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(1)③コアおよびモア"/>
    </sheetNames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(2)新ファイル転送取扱高の推移"/>
    </sheetNames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208E59-BC2F-40A2-BF29-7CC89C09A667}">
  <sheetPr>
    <pageSetUpPr fitToPage="1"/>
  </sheetPr>
  <dimension ref="A1:Q123"/>
  <sheetViews>
    <sheetView windowProtection="1" showGridLines="0" tabSelected="1" zoomScale="75" zoomScaleNormal="75" zoomScaleSheetLayoutView="75" workbookViewId="0"/>
  </sheetViews>
  <sheetFormatPr defaultColWidth="9" defaultRowHeight="13.2"/>
  <cols>
    <col min="1" max="1" width="12.6640625" style="43" customWidth="1"/>
    <col min="2" max="2" width="12.33203125" style="43" customWidth="1"/>
    <col min="3" max="3" width="10.33203125" style="43" customWidth="1"/>
    <col min="4" max="4" width="14.21875" style="43" customWidth="1"/>
    <col min="5" max="5" width="11" style="43" customWidth="1"/>
    <col min="6" max="6" width="10.33203125" style="43" customWidth="1"/>
    <col min="7" max="7" width="10.33203125" style="45" customWidth="1"/>
    <col min="8" max="10" width="12.33203125" style="43" customWidth="1"/>
    <col min="11" max="11" width="10.33203125" style="43" customWidth="1"/>
    <col min="12" max="12" width="12.33203125" style="43" customWidth="1"/>
    <col min="13" max="13" width="10.33203125" style="43" customWidth="1"/>
    <col min="14" max="14" width="12.33203125" style="43" customWidth="1"/>
    <col min="15" max="15" width="10.33203125" style="43" customWidth="1"/>
    <col min="16" max="16384" width="9" style="43"/>
  </cols>
  <sheetData>
    <row r="1" spans="1:15">
      <c r="A1" s="44"/>
    </row>
    <row r="2" spans="1:15" ht="24" customHeight="1">
      <c r="A2" s="46" t="s">
        <v>34</v>
      </c>
    </row>
    <row r="3" spans="1:15" ht="13.8" thickBot="1">
      <c r="A3" s="10" t="s">
        <v>33</v>
      </c>
      <c r="B3" s="10"/>
      <c r="C3" s="10"/>
      <c r="D3" s="10"/>
      <c r="E3" s="10"/>
      <c r="F3" s="10"/>
      <c r="G3" s="47"/>
      <c r="H3" s="10"/>
      <c r="I3" s="10"/>
      <c r="J3" s="10"/>
      <c r="K3" s="10"/>
      <c r="L3" s="10"/>
      <c r="M3" s="10" t="s">
        <v>0</v>
      </c>
      <c r="N3" s="10"/>
      <c r="O3" s="10"/>
    </row>
    <row r="4" spans="1:15" ht="15" customHeight="1" thickBot="1">
      <c r="A4" s="1"/>
      <c r="B4" s="1"/>
      <c r="C4" s="2"/>
      <c r="D4" s="2"/>
      <c r="E4" s="2"/>
      <c r="F4" s="2"/>
      <c r="G4" s="3"/>
      <c r="H4" s="2"/>
      <c r="I4" s="2"/>
      <c r="J4" s="2"/>
      <c r="K4" s="2"/>
      <c r="L4" s="2"/>
      <c r="M4" s="2"/>
      <c r="N4" s="2"/>
      <c r="O4" s="4"/>
    </row>
    <row r="5" spans="1:15" s="48" customFormat="1" ht="18" customHeight="1" thickBot="1">
      <c r="A5" s="5"/>
      <c r="B5" s="5"/>
      <c r="C5" s="6"/>
      <c r="D5" s="6"/>
      <c r="E5" s="6"/>
      <c r="F5" s="159" t="s">
        <v>7</v>
      </c>
      <c r="G5" s="160"/>
      <c r="H5" s="160"/>
      <c r="I5" s="160"/>
      <c r="J5" s="160"/>
      <c r="K5" s="160"/>
      <c r="L5" s="160"/>
      <c r="M5" s="160"/>
      <c r="N5" s="160"/>
      <c r="O5" s="161"/>
    </row>
    <row r="6" spans="1:15" ht="15" customHeight="1">
      <c r="A6" s="7" t="s">
        <v>1</v>
      </c>
      <c r="B6" s="162" t="s">
        <v>9</v>
      </c>
      <c r="C6" s="163"/>
      <c r="D6" s="163"/>
      <c r="E6" s="164"/>
      <c r="F6" s="165" t="s">
        <v>8</v>
      </c>
      <c r="G6" s="166"/>
      <c r="H6" s="165" t="s">
        <v>12</v>
      </c>
      <c r="I6" s="166"/>
      <c r="J6" s="165" t="s">
        <v>10</v>
      </c>
      <c r="K6" s="166"/>
      <c r="L6" s="165" t="s">
        <v>13</v>
      </c>
      <c r="M6" s="166"/>
      <c r="N6" s="171" t="s">
        <v>11</v>
      </c>
      <c r="O6" s="172"/>
    </row>
    <row r="7" spans="1:15" ht="15" customHeight="1">
      <c r="A7" s="8" t="s">
        <v>2</v>
      </c>
      <c r="B7" s="9"/>
      <c r="C7" s="10"/>
      <c r="D7" s="10"/>
      <c r="E7" s="10"/>
      <c r="F7" s="167"/>
      <c r="G7" s="168"/>
      <c r="H7" s="167"/>
      <c r="I7" s="168"/>
      <c r="J7" s="167"/>
      <c r="K7" s="168"/>
      <c r="L7" s="167"/>
      <c r="M7" s="168"/>
      <c r="N7" s="173"/>
      <c r="O7" s="174"/>
    </row>
    <row r="8" spans="1:15" ht="15" customHeight="1" thickBot="1">
      <c r="A8" s="7" t="s">
        <v>3</v>
      </c>
      <c r="B8" s="9"/>
      <c r="C8" s="10"/>
      <c r="D8" s="10"/>
      <c r="E8" s="10"/>
      <c r="F8" s="169"/>
      <c r="G8" s="170"/>
      <c r="H8" s="169"/>
      <c r="I8" s="170"/>
      <c r="J8" s="169"/>
      <c r="K8" s="170"/>
      <c r="L8" s="169"/>
      <c r="M8" s="170"/>
      <c r="N8" s="175"/>
      <c r="O8" s="176"/>
    </row>
    <row r="9" spans="1:15" s="49" customFormat="1" ht="15" customHeight="1" thickBot="1">
      <c r="A9" s="11"/>
      <c r="B9" s="12" t="s">
        <v>4</v>
      </c>
      <c r="C9" s="13" t="s">
        <v>5</v>
      </c>
      <c r="D9" s="12" t="s">
        <v>6</v>
      </c>
      <c r="E9" s="14" t="s">
        <v>5</v>
      </c>
      <c r="F9" s="12" t="s">
        <v>4</v>
      </c>
      <c r="G9" s="15" t="s">
        <v>5</v>
      </c>
      <c r="H9" s="12" t="s">
        <v>4</v>
      </c>
      <c r="I9" s="14" t="s">
        <v>5</v>
      </c>
      <c r="J9" s="16" t="s">
        <v>4</v>
      </c>
      <c r="K9" s="13" t="s">
        <v>5</v>
      </c>
      <c r="L9" s="12" t="s">
        <v>4</v>
      </c>
      <c r="M9" s="14" t="s">
        <v>5</v>
      </c>
      <c r="N9" s="16" t="s">
        <v>4</v>
      </c>
      <c r="O9" s="14" t="s">
        <v>5</v>
      </c>
    </row>
    <row r="10" spans="1:15">
      <c r="A10" s="177" t="s">
        <v>20</v>
      </c>
      <c r="B10" s="17">
        <v>1472467</v>
      </c>
      <c r="C10" s="18">
        <v>-1.3</v>
      </c>
      <c r="D10" s="17">
        <v>29464461</v>
      </c>
      <c r="E10" s="18">
        <v>-0.2</v>
      </c>
      <c r="F10" s="17">
        <v>9</v>
      </c>
      <c r="G10" s="18">
        <v>-1.6</v>
      </c>
      <c r="H10" s="17">
        <v>1181432</v>
      </c>
      <c r="I10" s="18">
        <v>-1.3</v>
      </c>
      <c r="J10" s="19">
        <v>251857</v>
      </c>
      <c r="K10" s="20">
        <v>-1.4</v>
      </c>
      <c r="L10" s="17">
        <v>1144</v>
      </c>
      <c r="M10" s="18">
        <v>-8.3000000000000007</v>
      </c>
      <c r="N10" s="17">
        <v>38026</v>
      </c>
      <c r="O10" s="18">
        <v>-1.4308467902116384</v>
      </c>
    </row>
    <row r="11" spans="1:15">
      <c r="A11" s="178"/>
      <c r="B11" s="21"/>
      <c r="C11" s="22"/>
      <c r="D11" s="21"/>
      <c r="E11" s="22"/>
      <c r="F11" s="21"/>
      <c r="G11" s="22"/>
      <c r="H11" s="23">
        <v>212665</v>
      </c>
      <c r="I11" s="24">
        <v>0</v>
      </c>
      <c r="J11" s="25"/>
      <c r="K11" s="26"/>
      <c r="L11" s="21"/>
      <c r="M11" s="22"/>
      <c r="N11" s="21"/>
      <c r="O11" s="22"/>
    </row>
    <row r="12" spans="1:15" ht="12.75" customHeight="1">
      <c r="A12" s="178"/>
      <c r="B12" s="27">
        <v>2479</v>
      </c>
      <c r="C12" s="28">
        <v>-0.1</v>
      </c>
      <c r="D12" s="27">
        <v>20533161</v>
      </c>
      <c r="E12" s="28">
        <v>-0.6</v>
      </c>
      <c r="F12" s="27">
        <v>0</v>
      </c>
      <c r="G12" s="28">
        <v>0</v>
      </c>
      <c r="H12" s="27">
        <v>2383</v>
      </c>
      <c r="I12" s="28">
        <v>0</v>
      </c>
      <c r="J12" s="180"/>
      <c r="K12" s="182"/>
      <c r="L12" s="27">
        <v>1</v>
      </c>
      <c r="M12" s="28">
        <v>-21.2</v>
      </c>
      <c r="N12" s="27">
        <v>96</v>
      </c>
      <c r="O12" s="28">
        <v>-0.2063854404452922</v>
      </c>
    </row>
    <row r="13" spans="1:15">
      <c r="A13" s="178"/>
      <c r="B13" s="21"/>
      <c r="C13" s="22"/>
      <c r="D13" s="21"/>
      <c r="E13" s="22"/>
      <c r="F13" s="21"/>
      <c r="G13" s="22"/>
      <c r="H13" s="29">
        <v>296</v>
      </c>
      <c r="I13" s="30">
        <v>16.899999999999999</v>
      </c>
      <c r="J13" s="181"/>
      <c r="K13" s="183"/>
      <c r="L13" s="21"/>
      <c r="M13" s="22"/>
      <c r="N13" s="21"/>
      <c r="O13" s="22"/>
    </row>
    <row r="14" spans="1:15">
      <c r="A14" s="178"/>
      <c r="B14" s="31">
        <v>1469988</v>
      </c>
      <c r="C14" s="28">
        <v>-1.3</v>
      </c>
      <c r="D14" s="31">
        <v>8931301</v>
      </c>
      <c r="E14" s="28">
        <v>0.8</v>
      </c>
      <c r="F14" s="31">
        <v>9</v>
      </c>
      <c r="G14" s="28">
        <v>-1.6</v>
      </c>
      <c r="H14" s="31">
        <v>1179049</v>
      </c>
      <c r="I14" s="28">
        <v>-1.3</v>
      </c>
      <c r="J14" s="32">
        <v>251857</v>
      </c>
      <c r="K14" s="20">
        <v>-1.4</v>
      </c>
      <c r="L14" s="31">
        <v>1143</v>
      </c>
      <c r="M14" s="28">
        <v>-8.3000000000000007</v>
      </c>
      <c r="N14" s="31">
        <v>37930</v>
      </c>
      <c r="O14" s="28">
        <v>-1.433899422580756</v>
      </c>
    </row>
    <row r="15" spans="1:15" ht="13.8" thickBot="1">
      <c r="A15" s="179"/>
      <c r="B15" s="33"/>
      <c r="C15" s="34"/>
      <c r="D15" s="33"/>
      <c r="E15" s="34"/>
      <c r="F15" s="33"/>
      <c r="G15" s="34"/>
      <c r="H15" s="35">
        <v>212368</v>
      </c>
      <c r="I15" s="36">
        <v>0</v>
      </c>
      <c r="J15" s="37"/>
      <c r="K15" s="34"/>
      <c r="L15" s="33"/>
      <c r="M15" s="34"/>
      <c r="N15" s="33"/>
      <c r="O15" s="34"/>
    </row>
    <row r="16" spans="1:15">
      <c r="A16" s="177" t="s">
        <v>21</v>
      </c>
      <c r="B16" s="17">
        <v>1440556</v>
      </c>
      <c r="C16" s="18">
        <v>-2.2000000000000002</v>
      </c>
      <c r="D16" s="17">
        <v>30042863</v>
      </c>
      <c r="E16" s="18">
        <v>2</v>
      </c>
      <c r="F16" s="17">
        <v>8</v>
      </c>
      <c r="G16" s="18">
        <v>-1.9</v>
      </c>
      <c r="H16" s="17">
        <v>1144302</v>
      </c>
      <c r="I16" s="18">
        <v>-3.1</v>
      </c>
      <c r="J16" s="19">
        <v>254617</v>
      </c>
      <c r="K16" s="20">
        <v>1.1000000000000001</v>
      </c>
      <c r="L16" s="17">
        <v>1050</v>
      </c>
      <c r="M16" s="18">
        <v>-8.1999999999999993</v>
      </c>
      <c r="N16" s="17">
        <v>40578</v>
      </c>
      <c r="O16" s="18">
        <v>6.7119051729658219</v>
      </c>
    </row>
    <row r="17" spans="1:17">
      <c r="A17" s="178"/>
      <c r="B17" s="21"/>
      <c r="C17" s="22"/>
      <c r="D17" s="21"/>
      <c r="E17" s="22"/>
      <c r="F17" s="21"/>
      <c r="G17" s="22"/>
      <c r="H17" s="23">
        <v>220578</v>
      </c>
      <c r="I17" s="24">
        <v>3.7</v>
      </c>
      <c r="J17" s="25"/>
      <c r="K17" s="26"/>
      <c r="L17" s="21"/>
      <c r="M17" s="22"/>
      <c r="N17" s="21"/>
      <c r="O17" s="22"/>
    </row>
    <row r="18" spans="1:17" ht="12.75" customHeight="1">
      <c r="A18" s="178"/>
      <c r="B18" s="27">
        <v>2521</v>
      </c>
      <c r="C18" s="28">
        <v>1.7</v>
      </c>
      <c r="D18" s="27">
        <v>21068929</v>
      </c>
      <c r="E18" s="28">
        <v>2.6</v>
      </c>
      <c r="F18" s="27">
        <v>0</v>
      </c>
      <c r="G18" s="28">
        <v>8.3000000000000007</v>
      </c>
      <c r="H18" s="27">
        <v>2425</v>
      </c>
      <c r="I18" s="28">
        <v>1.8</v>
      </c>
      <c r="J18" s="180"/>
      <c r="K18" s="182"/>
      <c r="L18" s="27">
        <v>1</v>
      </c>
      <c r="M18" s="28">
        <v>-16.2</v>
      </c>
      <c r="N18" s="27">
        <v>95</v>
      </c>
      <c r="O18" s="28">
        <v>-0.91185410334346495</v>
      </c>
    </row>
    <row r="19" spans="1:17">
      <c r="A19" s="178"/>
      <c r="B19" s="21"/>
      <c r="C19" s="22"/>
      <c r="D19" s="21"/>
      <c r="E19" s="22"/>
      <c r="F19" s="21"/>
      <c r="G19" s="22"/>
      <c r="H19" s="29">
        <v>318</v>
      </c>
      <c r="I19" s="30">
        <v>7.3</v>
      </c>
      <c r="J19" s="181"/>
      <c r="K19" s="183"/>
      <c r="L19" s="21"/>
      <c r="M19" s="22"/>
      <c r="N19" s="21"/>
      <c r="O19" s="22"/>
    </row>
    <row r="20" spans="1:17">
      <c r="A20" s="178"/>
      <c r="B20" s="31">
        <v>1438036</v>
      </c>
      <c r="C20" s="28">
        <v>-2.2000000000000002</v>
      </c>
      <c r="D20" s="31">
        <v>8973934</v>
      </c>
      <c r="E20" s="28">
        <v>0.5</v>
      </c>
      <c r="F20" s="31">
        <v>8</v>
      </c>
      <c r="G20" s="28">
        <v>-1.9</v>
      </c>
      <c r="H20" s="31">
        <v>1141877</v>
      </c>
      <c r="I20" s="28">
        <v>-3.2</v>
      </c>
      <c r="J20" s="32">
        <v>254617</v>
      </c>
      <c r="K20" s="20">
        <v>1.1000000000000001</v>
      </c>
      <c r="L20" s="31">
        <v>1050</v>
      </c>
      <c r="M20" s="28">
        <v>-8.1999999999999993</v>
      </c>
      <c r="N20" s="31">
        <v>40483</v>
      </c>
      <c r="O20" s="28">
        <v>6.731148217119026</v>
      </c>
    </row>
    <row r="21" spans="1:17" ht="13.8" thickBot="1">
      <c r="A21" s="179"/>
      <c r="B21" s="33"/>
      <c r="C21" s="34"/>
      <c r="D21" s="33"/>
      <c r="E21" s="34"/>
      <c r="F21" s="33"/>
      <c r="G21" s="34"/>
      <c r="H21" s="35">
        <v>220261</v>
      </c>
      <c r="I21" s="36">
        <v>3.7</v>
      </c>
      <c r="J21" s="37"/>
      <c r="K21" s="34"/>
      <c r="L21" s="33"/>
      <c r="M21" s="34"/>
      <c r="N21" s="33"/>
      <c r="O21" s="34"/>
    </row>
    <row r="22" spans="1:17">
      <c r="A22" s="177" t="s">
        <v>22</v>
      </c>
      <c r="B22" s="17">
        <v>1482302</v>
      </c>
      <c r="C22" s="18">
        <v>2.9</v>
      </c>
      <c r="D22" s="17">
        <v>29997342</v>
      </c>
      <c r="E22" s="18">
        <v>-0.2</v>
      </c>
      <c r="F22" s="17">
        <v>9</v>
      </c>
      <c r="G22" s="18">
        <v>3.1</v>
      </c>
      <c r="H22" s="17">
        <v>1178047</v>
      </c>
      <c r="I22" s="18">
        <v>2.9</v>
      </c>
      <c r="J22" s="19">
        <v>249101</v>
      </c>
      <c r="K22" s="20">
        <v>-2.2000000000000002</v>
      </c>
      <c r="L22" s="17">
        <v>834</v>
      </c>
      <c r="M22" s="18">
        <v>-20.6</v>
      </c>
      <c r="N22" s="17">
        <v>54313</v>
      </c>
      <c r="O22" s="18">
        <v>33.847492953407773</v>
      </c>
    </row>
    <row r="23" spans="1:17">
      <c r="A23" s="178"/>
      <c r="B23" s="21"/>
      <c r="C23" s="22"/>
      <c r="D23" s="21"/>
      <c r="E23" s="22"/>
      <c r="F23" s="21"/>
      <c r="G23" s="22"/>
      <c r="H23" s="23">
        <v>249546</v>
      </c>
      <c r="I23" s="24">
        <v>13.1</v>
      </c>
      <c r="J23" s="25"/>
      <c r="K23" s="26"/>
      <c r="L23" s="21"/>
      <c r="M23" s="22"/>
      <c r="N23" s="21"/>
      <c r="O23" s="22"/>
    </row>
    <row r="24" spans="1:17" ht="12.75" customHeight="1">
      <c r="A24" s="178"/>
      <c r="B24" s="27">
        <v>2427</v>
      </c>
      <c r="C24" s="28">
        <v>-3.7</v>
      </c>
      <c r="D24" s="27">
        <v>20890213</v>
      </c>
      <c r="E24" s="28">
        <v>-0.8</v>
      </c>
      <c r="F24" s="27">
        <v>0</v>
      </c>
      <c r="G24" s="28">
        <v>-15.4</v>
      </c>
      <c r="H24" s="27">
        <v>2336</v>
      </c>
      <c r="I24" s="28">
        <v>-3.7</v>
      </c>
      <c r="J24" s="180"/>
      <c r="K24" s="182"/>
      <c r="L24" s="27">
        <v>1</v>
      </c>
      <c r="M24" s="28">
        <v>-16.7</v>
      </c>
      <c r="N24" s="27">
        <v>90</v>
      </c>
      <c r="O24" s="28">
        <v>-5.2589969008917841</v>
      </c>
    </row>
    <row r="25" spans="1:17">
      <c r="A25" s="178"/>
      <c r="B25" s="21"/>
      <c r="C25" s="22"/>
      <c r="D25" s="21"/>
      <c r="E25" s="22"/>
      <c r="F25" s="21"/>
      <c r="G25" s="22"/>
      <c r="H25" s="29">
        <v>311</v>
      </c>
      <c r="I25" s="30">
        <v>-2.2000000000000002</v>
      </c>
      <c r="J25" s="181"/>
      <c r="K25" s="183"/>
      <c r="L25" s="21"/>
      <c r="M25" s="22"/>
      <c r="N25" s="21"/>
      <c r="O25" s="22"/>
    </row>
    <row r="26" spans="1:17">
      <c r="A26" s="178"/>
      <c r="B26" s="31">
        <v>1479876</v>
      </c>
      <c r="C26" s="28">
        <v>2.9</v>
      </c>
      <c r="D26" s="31">
        <v>9107129</v>
      </c>
      <c r="E26" s="28">
        <v>1.5</v>
      </c>
      <c r="F26" s="31">
        <v>9</v>
      </c>
      <c r="G26" s="28">
        <v>3.2</v>
      </c>
      <c r="H26" s="31">
        <v>1175710</v>
      </c>
      <c r="I26" s="28">
        <v>3</v>
      </c>
      <c r="J26" s="32">
        <v>249101</v>
      </c>
      <c r="K26" s="20">
        <v>-2.2000000000000002</v>
      </c>
      <c r="L26" s="31">
        <v>833</v>
      </c>
      <c r="M26" s="28">
        <v>-20.7</v>
      </c>
      <c r="N26" s="31">
        <v>54223</v>
      </c>
      <c r="O26" s="28">
        <v>33.939132716563158</v>
      </c>
    </row>
    <row r="27" spans="1:17" ht="13.8" thickBot="1">
      <c r="A27" s="179"/>
      <c r="B27" s="33"/>
      <c r="C27" s="34"/>
      <c r="D27" s="33"/>
      <c r="E27" s="34"/>
      <c r="F27" s="33"/>
      <c r="G27" s="34"/>
      <c r="H27" s="35">
        <v>249235</v>
      </c>
      <c r="I27" s="36">
        <v>13.2</v>
      </c>
      <c r="J27" s="37"/>
      <c r="K27" s="34"/>
      <c r="L27" s="33"/>
      <c r="M27" s="34"/>
      <c r="N27" s="33"/>
      <c r="O27" s="34"/>
    </row>
    <row r="28" spans="1:17">
      <c r="A28" s="177" t="s">
        <v>23</v>
      </c>
      <c r="B28" s="17">
        <v>1481289</v>
      </c>
      <c r="C28" s="18">
        <v>-0.1</v>
      </c>
      <c r="D28" s="17">
        <v>31488409</v>
      </c>
      <c r="E28" s="18">
        <v>5</v>
      </c>
      <c r="F28" s="17">
        <v>9</v>
      </c>
      <c r="G28" s="18">
        <v>-0.5</v>
      </c>
      <c r="H28" s="17">
        <v>1179106</v>
      </c>
      <c r="I28" s="18">
        <v>0.1</v>
      </c>
      <c r="J28" s="19">
        <v>248943</v>
      </c>
      <c r="K28" s="20">
        <v>-0.1</v>
      </c>
      <c r="L28" s="17">
        <v>734</v>
      </c>
      <c r="M28" s="18">
        <v>-11.9</v>
      </c>
      <c r="N28" s="17">
        <v>52497</v>
      </c>
      <c r="O28" s="18">
        <v>-3.3424531597089544</v>
      </c>
      <c r="Q28" s="50"/>
    </row>
    <row r="29" spans="1:17">
      <c r="A29" s="178"/>
      <c r="B29" s="21"/>
      <c r="C29" s="22"/>
      <c r="D29" s="21"/>
      <c r="E29" s="22"/>
      <c r="F29" s="21"/>
      <c r="G29" s="22"/>
      <c r="H29" s="23">
        <v>226770</v>
      </c>
      <c r="I29" s="24">
        <v>-9.1</v>
      </c>
      <c r="J29" s="25"/>
      <c r="K29" s="26"/>
      <c r="L29" s="21"/>
      <c r="M29" s="22"/>
      <c r="N29" s="21"/>
      <c r="O29" s="22"/>
    </row>
    <row r="30" spans="1:17" ht="12.75" customHeight="1">
      <c r="A30" s="178"/>
      <c r="B30" s="27">
        <v>2533</v>
      </c>
      <c r="C30" s="28">
        <v>4.4000000000000004</v>
      </c>
      <c r="D30" s="27">
        <v>22314908</v>
      </c>
      <c r="E30" s="28">
        <v>6.8</v>
      </c>
      <c r="F30" s="27">
        <v>0</v>
      </c>
      <c r="G30" s="28">
        <v>-18.2</v>
      </c>
      <c r="H30" s="27">
        <v>2443</v>
      </c>
      <c r="I30" s="28">
        <v>4.5999999999999996</v>
      </c>
      <c r="J30" s="180"/>
      <c r="K30" s="182"/>
      <c r="L30" s="27">
        <v>0</v>
      </c>
      <c r="M30" s="28">
        <v>-14.6</v>
      </c>
      <c r="N30" s="27">
        <v>89</v>
      </c>
      <c r="O30" s="28">
        <v>-0.72321061005596543</v>
      </c>
    </row>
    <row r="31" spans="1:17">
      <c r="A31" s="178"/>
      <c r="B31" s="21"/>
      <c r="C31" s="22"/>
      <c r="D31" s="21"/>
      <c r="E31" s="22"/>
      <c r="F31" s="21"/>
      <c r="G31" s="22"/>
      <c r="H31" s="29">
        <v>332</v>
      </c>
      <c r="I31" s="30">
        <v>6.7</v>
      </c>
      <c r="J31" s="181"/>
      <c r="K31" s="183"/>
      <c r="L31" s="21"/>
      <c r="M31" s="22"/>
      <c r="N31" s="21"/>
      <c r="O31" s="22"/>
    </row>
    <row r="32" spans="1:17">
      <c r="A32" s="178"/>
      <c r="B32" s="31">
        <v>1478757</v>
      </c>
      <c r="C32" s="28">
        <v>-0.1</v>
      </c>
      <c r="D32" s="31">
        <v>9173500</v>
      </c>
      <c r="E32" s="28">
        <v>0.7</v>
      </c>
      <c r="F32" s="31">
        <v>9</v>
      </c>
      <c r="G32" s="28">
        <v>-0.5</v>
      </c>
      <c r="H32" s="31">
        <v>1176662</v>
      </c>
      <c r="I32" s="28">
        <v>0.1</v>
      </c>
      <c r="J32" s="32">
        <v>248943</v>
      </c>
      <c r="K32" s="20">
        <v>-0.1</v>
      </c>
      <c r="L32" s="31">
        <v>734</v>
      </c>
      <c r="M32" s="28">
        <v>-11.9</v>
      </c>
      <c r="N32" s="31">
        <v>52408</v>
      </c>
      <c r="O32" s="28">
        <v>-3.3467946750051811</v>
      </c>
      <c r="Q32" s="50"/>
    </row>
    <row r="33" spans="1:15" ht="13.8" thickBot="1">
      <c r="A33" s="179"/>
      <c r="B33" s="33"/>
      <c r="C33" s="34"/>
      <c r="D33" s="33"/>
      <c r="E33" s="34"/>
      <c r="F33" s="33"/>
      <c r="G33" s="34"/>
      <c r="H33" s="35">
        <v>226438</v>
      </c>
      <c r="I33" s="36">
        <v>-9.1</v>
      </c>
      <c r="J33" s="37"/>
      <c r="K33" s="34"/>
      <c r="L33" s="33"/>
      <c r="M33" s="34"/>
      <c r="N33" s="33"/>
      <c r="O33" s="34"/>
    </row>
    <row r="34" spans="1:15">
      <c r="A34" s="177" t="s">
        <v>27</v>
      </c>
      <c r="B34" s="17">
        <v>1562180</v>
      </c>
      <c r="C34" s="18">
        <v>5.5</v>
      </c>
      <c r="D34" s="17">
        <v>34478932</v>
      </c>
      <c r="E34" s="18">
        <v>9.5</v>
      </c>
      <c r="F34" s="17">
        <v>8</v>
      </c>
      <c r="G34" s="18">
        <v>-10.199999999999999</v>
      </c>
      <c r="H34" s="17">
        <v>1250938</v>
      </c>
      <c r="I34" s="18">
        <v>6.1</v>
      </c>
      <c r="J34" s="19">
        <v>259082</v>
      </c>
      <c r="K34" s="20">
        <v>4.0999999999999996</v>
      </c>
      <c r="L34" s="17">
        <v>395</v>
      </c>
      <c r="M34" s="18">
        <v>-46.1</v>
      </c>
      <c r="N34" s="17">
        <v>51757</v>
      </c>
      <c r="O34" s="18">
        <v>-1.4094539459584521</v>
      </c>
    </row>
    <row r="35" spans="1:15">
      <c r="A35" s="178"/>
      <c r="B35" s="21"/>
      <c r="C35" s="22"/>
      <c r="D35" s="21"/>
      <c r="E35" s="22"/>
      <c r="F35" s="21"/>
      <c r="G35" s="22"/>
      <c r="H35" s="38">
        <v>228089</v>
      </c>
      <c r="I35" s="24">
        <v>0.6</v>
      </c>
      <c r="J35" s="25"/>
      <c r="K35" s="26"/>
      <c r="L35" s="21"/>
      <c r="M35" s="22"/>
      <c r="N35" s="21"/>
      <c r="O35" s="22"/>
    </row>
    <row r="36" spans="1:15">
      <c r="A36" s="178"/>
      <c r="B36" s="27">
        <v>2672</v>
      </c>
      <c r="C36" s="28">
        <v>5.5</v>
      </c>
      <c r="D36" s="27">
        <v>24891402</v>
      </c>
      <c r="E36" s="28">
        <v>11.5</v>
      </c>
      <c r="F36" s="27">
        <v>0</v>
      </c>
      <c r="G36" s="28">
        <v>-22.2</v>
      </c>
      <c r="H36" s="31">
        <v>2583</v>
      </c>
      <c r="I36" s="28">
        <v>5.7</v>
      </c>
      <c r="J36" s="180"/>
      <c r="K36" s="182"/>
      <c r="L36" s="39">
        <v>0</v>
      </c>
      <c r="M36" s="28">
        <v>-45.2</v>
      </c>
      <c r="N36" s="39">
        <v>89</v>
      </c>
      <c r="O36" s="28">
        <v>-0.35191141694778488</v>
      </c>
    </row>
    <row r="37" spans="1:15">
      <c r="A37" s="178"/>
      <c r="B37" s="21"/>
      <c r="C37" s="22"/>
      <c r="D37" s="21"/>
      <c r="E37" s="22"/>
      <c r="F37" s="21"/>
      <c r="G37" s="22"/>
      <c r="H37" s="40">
        <v>353</v>
      </c>
      <c r="I37" s="30">
        <v>6.5</v>
      </c>
      <c r="J37" s="181"/>
      <c r="K37" s="183"/>
      <c r="L37" s="21"/>
      <c r="M37" s="22"/>
      <c r="N37" s="21"/>
      <c r="O37" s="22"/>
    </row>
    <row r="38" spans="1:15">
      <c r="A38" s="178"/>
      <c r="B38" s="31">
        <v>1559508</v>
      </c>
      <c r="C38" s="28">
        <v>5.5</v>
      </c>
      <c r="D38" s="31">
        <v>9587529</v>
      </c>
      <c r="E38" s="28">
        <v>4.5</v>
      </c>
      <c r="F38" s="31">
        <v>8</v>
      </c>
      <c r="G38" s="28">
        <v>-10.1</v>
      </c>
      <c r="H38" s="31">
        <v>1248355</v>
      </c>
      <c r="I38" s="28">
        <v>6.1</v>
      </c>
      <c r="J38" s="32">
        <v>259082</v>
      </c>
      <c r="K38" s="20">
        <v>4.0999999999999996</v>
      </c>
      <c r="L38" s="31">
        <v>395</v>
      </c>
      <c r="M38" s="28">
        <v>-46.1</v>
      </c>
      <c r="N38" s="31">
        <v>51669</v>
      </c>
      <c r="O38" s="28">
        <v>-1.4112544534064864</v>
      </c>
    </row>
    <row r="39" spans="1:15" ht="13.8" thickBot="1">
      <c r="A39" s="179"/>
      <c r="B39" s="33"/>
      <c r="C39" s="34"/>
      <c r="D39" s="33"/>
      <c r="E39" s="34"/>
      <c r="F39" s="33"/>
      <c r="G39" s="34"/>
      <c r="H39" s="35">
        <v>227736</v>
      </c>
      <c r="I39" s="36">
        <v>0.6</v>
      </c>
      <c r="J39" s="37"/>
      <c r="K39" s="34"/>
      <c r="L39" s="33"/>
      <c r="M39" s="34"/>
      <c r="N39" s="33"/>
      <c r="O39" s="34"/>
    </row>
    <row r="40" spans="1:15" ht="12.75" customHeight="1">
      <c r="A40" s="184" t="s">
        <v>24</v>
      </c>
      <c r="B40" s="17">
        <v>152864</v>
      </c>
      <c r="C40" s="18">
        <v>6.2</v>
      </c>
      <c r="D40" s="17">
        <v>3048925</v>
      </c>
      <c r="E40" s="18">
        <v>7.4</v>
      </c>
      <c r="F40" s="17">
        <v>1</v>
      </c>
      <c r="G40" s="18">
        <v>-5.5</v>
      </c>
      <c r="H40" s="17">
        <v>116080</v>
      </c>
      <c r="I40" s="18">
        <v>6.5</v>
      </c>
      <c r="J40" s="19">
        <v>31561</v>
      </c>
      <c r="K40" s="20">
        <v>5.4</v>
      </c>
      <c r="L40" s="17">
        <v>4</v>
      </c>
      <c r="M40" s="18">
        <v>-93.1</v>
      </c>
      <c r="N40" s="17">
        <v>5219</v>
      </c>
      <c r="O40" s="18">
        <v>5.5689310034566235</v>
      </c>
    </row>
    <row r="41" spans="1:15" ht="12.75" customHeight="1">
      <c r="A41" s="185"/>
      <c r="B41" s="21"/>
      <c r="C41" s="22"/>
      <c r="D41" s="21"/>
      <c r="E41" s="22"/>
      <c r="F41" s="21"/>
      <c r="G41" s="22"/>
      <c r="H41" s="23">
        <v>23671</v>
      </c>
      <c r="I41" s="24">
        <v>1.8</v>
      </c>
      <c r="J41" s="25"/>
      <c r="K41" s="26"/>
      <c r="L41" s="21"/>
      <c r="M41" s="22"/>
      <c r="N41" s="21"/>
      <c r="O41" s="22"/>
    </row>
    <row r="42" spans="1:15" ht="12.75" customHeight="1">
      <c r="A42" s="185"/>
      <c r="B42" s="27">
        <v>235</v>
      </c>
      <c r="C42" s="28">
        <v>5</v>
      </c>
      <c r="D42" s="27">
        <v>2191047</v>
      </c>
      <c r="E42" s="28">
        <v>9.3000000000000007</v>
      </c>
      <c r="F42" s="27">
        <v>0</v>
      </c>
      <c r="G42" s="28">
        <v>0</v>
      </c>
      <c r="H42" s="31">
        <v>226</v>
      </c>
      <c r="I42" s="28">
        <v>5</v>
      </c>
      <c r="J42" s="180"/>
      <c r="K42" s="182"/>
      <c r="L42" s="39">
        <v>0</v>
      </c>
      <c r="M42" s="28">
        <v>-71.900000000000006</v>
      </c>
      <c r="N42" s="31">
        <v>8</v>
      </c>
      <c r="O42" s="28">
        <v>3.3090024330900238</v>
      </c>
    </row>
    <row r="43" spans="1:15" ht="12.75" customHeight="1">
      <c r="A43" s="185"/>
      <c r="B43" s="21"/>
      <c r="C43" s="22"/>
      <c r="D43" s="21"/>
      <c r="E43" s="22"/>
      <c r="F43" s="21"/>
      <c r="G43" s="22"/>
      <c r="H43" s="40">
        <v>30</v>
      </c>
      <c r="I43" s="30">
        <v>3.6</v>
      </c>
      <c r="J43" s="181"/>
      <c r="K43" s="183"/>
      <c r="L43" s="21"/>
      <c r="M43" s="22"/>
      <c r="N43" s="21"/>
      <c r="O43" s="22"/>
    </row>
    <row r="44" spans="1:15" ht="12.75" customHeight="1">
      <c r="A44" s="185"/>
      <c r="B44" s="31">
        <v>152629</v>
      </c>
      <c r="C44" s="28">
        <v>6.2</v>
      </c>
      <c r="D44" s="31">
        <v>857878</v>
      </c>
      <c r="E44" s="28">
        <v>2.7</v>
      </c>
      <c r="F44" s="31">
        <v>1</v>
      </c>
      <c r="G44" s="28">
        <v>-5.5</v>
      </c>
      <c r="H44" s="31">
        <v>115854</v>
      </c>
      <c r="I44" s="28">
        <v>6.5</v>
      </c>
      <c r="J44" s="32">
        <v>31561</v>
      </c>
      <c r="K44" s="20">
        <v>5.4</v>
      </c>
      <c r="L44" s="31">
        <v>4</v>
      </c>
      <c r="M44" s="28">
        <v>-93.1</v>
      </c>
      <c r="N44" s="31">
        <v>5210</v>
      </c>
      <c r="O44" s="28">
        <v>5.5726950081575053</v>
      </c>
    </row>
    <row r="45" spans="1:15" ht="12.75" customHeight="1" thickBot="1">
      <c r="A45" s="186"/>
      <c r="B45" s="33"/>
      <c r="C45" s="34"/>
      <c r="D45" s="33"/>
      <c r="E45" s="34"/>
      <c r="F45" s="33"/>
      <c r="G45" s="34"/>
      <c r="H45" s="35">
        <v>23641</v>
      </c>
      <c r="I45" s="36">
        <v>1.8</v>
      </c>
      <c r="J45" s="37"/>
      <c r="K45" s="34"/>
      <c r="L45" s="33"/>
      <c r="M45" s="34"/>
      <c r="N45" s="33"/>
      <c r="O45" s="34"/>
    </row>
    <row r="46" spans="1:15" ht="12.75" customHeight="1">
      <c r="A46" s="184" t="s">
        <v>25</v>
      </c>
      <c r="B46" s="17">
        <v>122917</v>
      </c>
      <c r="C46" s="18">
        <v>5.2</v>
      </c>
      <c r="D46" s="17">
        <v>2831669</v>
      </c>
      <c r="E46" s="18">
        <v>9.8000000000000007</v>
      </c>
      <c r="F46" s="17">
        <v>1</v>
      </c>
      <c r="G46" s="18">
        <v>-18.899999999999999</v>
      </c>
      <c r="H46" s="17">
        <v>99012</v>
      </c>
      <c r="I46" s="18">
        <v>5.7</v>
      </c>
      <c r="J46" s="19">
        <v>20102</v>
      </c>
      <c r="K46" s="20">
        <v>4.4000000000000004</v>
      </c>
      <c r="L46" s="17">
        <v>3</v>
      </c>
      <c r="M46" s="18">
        <v>-95.3</v>
      </c>
      <c r="N46" s="17">
        <v>3800</v>
      </c>
      <c r="O46" s="18">
        <v>-1.4722786117434314</v>
      </c>
    </row>
    <row r="47" spans="1:15" ht="12.75" customHeight="1">
      <c r="A47" s="185"/>
      <c r="B47" s="21"/>
      <c r="C47" s="22"/>
      <c r="D47" s="21"/>
      <c r="E47" s="22"/>
      <c r="F47" s="21"/>
      <c r="G47" s="22"/>
      <c r="H47" s="23">
        <v>15644</v>
      </c>
      <c r="I47" s="24">
        <v>3.3</v>
      </c>
      <c r="J47" s="25"/>
      <c r="K47" s="26"/>
      <c r="L47" s="21"/>
      <c r="M47" s="22"/>
      <c r="N47" s="21"/>
      <c r="O47" s="22"/>
    </row>
    <row r="48" spans="1:15" ht="12.75" customHeight="1">
      <c r="A48" s="185"/>
      <c r="B48" s="27">
        <v>222</v>
      </c>
      <c r="C48" s="28">
        <v>4.5999999999999996</v>
      </c>
      <c r="D48" s="27">
        <v>2052945</v>
      </c>
      <c r="E48" s="28">
        <v>11.8</v>
      </c>
      <c r="F48" s="27">
        <v>0</v>
      </c>
      <c r="G48" s="28">
        <v>0</v>
      </c>
      <c r="H48" s="31">
        <v>215</v>
      </c>
      <c r="I48" s="28">
        <v>5</v>
      </c>
      <c r="J48" s="180"/>
      <c r="K48" s="182"/>
      <c r="L48" s="41">
        <v>0</v>
      </c>
      <c r="M48" s="28">
        <v>-95.9</v>
      </c>
      <c r="N48" s="31">
        <v>7</v>
      </c>
      <c r="O48" s="28">
        <v>-8.4125017210519069</v>
      </c>
    </row>
    <row r="49" spans="1:15" ht="12.75" customHeight="1">
      <c r="A49" s="185"/>
      <c r="B49" s="21"/>
      <c r="C49" s="22"/>
      <c r="D49" s="21"/>
      <c r="E49" s="22"/>
      <c r="F49" s="21"/>
      <c r="G49" s="22"/>
      <c r="H49" s="40">
        <v>32</v>
      </c>
      <c r="I49" s="30">
        <v>6.6</v>
      </c>
      <c r="J49" s="181"/>
      <c r="K49" s="183"/>
      <c r="L49" s="21"/>
      <c r="M49" s="22"/>
      <c r="N49" s="21"/>
      <c r="O49" s="22"/>
    </row>
    <row r="50" spans="1:15" ht="12.75" customHeight="1">
      <c r="A50" s="185"/>
      <c r="B50" s="31">
        <v>122696</v>
      </c>
      <c r="C50" s="28">
        <v>5.2</v>
      </c>
      <c r="D50" s="31">
        <v>778724</v>
      </c>
      <c r="E50" s="28">
        <v>4.7</v>
      </c>
      <c r="F50" s="31">
        <v>1</v>
      </c>
      <c r="G50" s="28">
        <v>-18.899999999999999</v>
      </c>
      <c r="H50" s="31">
        <v>98797</v>
      </c>
      <c r="I50" s="28">
        <v>5.7</v>
      </c>
      <c r="J50" s="32">
        <v>20102</v>
      </c>
      <c r="K50" s="20">
        <v>4.4000000000000004</v>
      </c>
      <c r="L50" s="31">
        <v>3</v>
      </c>
      <c r="M50" s="28">
        <v>-95.3</v>
      </c>
      <c r="N50" s="31">
        <v>3793</v>
      </c>
      <c r="O50" s="28">
        <v>-1.4591836946762877</v>
      </c>
    </row>
    <row r="51" spans="1:15" ht="12.75" customHeight="1" thickBot="1">
      <c r="A51" s="186"/>
      <c r="B51" s="33"/>
      <c r="C51" s="34"/>
      <c r="D51" s="33"/>
      <c r="E51" s="34"/>
      <c r="F51" s="33"/>
      <c r="G51" s="34"/>
      <c r="H51" s="35">
        <v>15612</v>
      </c>
      <c r="I51" s="36">
        <v>3.3</v>
      </c>
      <c r="J51" s="37"/>
      <c r="K51" s="34"/>
      <c r="L51" s="33"/>
      <c r="M51" s="34"/>
      <c r="N51" s="33"/>
      <c r="O51" s="34"/>
    </row>
    <row r="52" spans="1:15" ht="12.75" customHeight="1">
      <c r="A52" s="184" t="s">
        <v>26</v>
      </c>
      <c r="B52" s="17">
        <v>129676</v>
      </c>
      <c r="C52" s="18">
        <v>4.5999999999999996</v>
      </c>
      <c r="D52" s="17">
        <v>2599393</v>
      </c>
      <c r="E52" s="18">
        <v>8.6</v>
      </c>
      <c r="F52" s="17">
        <v>1</v>
      </c>
      <c r="G52" s="18">
        <v>-13.8</v>
      </c>
      <c r="H52" s="17">
        <v>105868</v>
      </c>
      <c r="I52" s="18">
        <v>5</v>
      </c>
      <c r="J52" s="19">
        <v>19839</v>
      </c>
      <c r="K52" s="20">
        <v>3.3</v>
      </c>
      <c r="L52" s="17">
        <v>2</v>
      </c>
      <c r="M52" s="18">
        <v>-96.1</v>
      </c>
      <c r="N52" s="17">
        <v>3967</v>
      </c>
      <c r="O52" s="18">
        <v>2.76269885100823</v>
      </c>
    </row>
    <row r="53" spans="1:15" ht="12.75" customHeight="1">
      <c r="A53" s="185"/>
      <c r="B53" s="21"/>
      <c r="C53" s="22"/>
      <c r="D53" s="21"/>
      <c r="E53" s="22"/>
      <c r="F53" s="21"/>
      <c r="G53" s="22"/>
      <c r="H53" s="23">
        <v>21970</v>
      </c>
      <c r="I53" s="24">
        <v>-2.2000000000000002</v>
      </c>
      <c r="J53" s="25"/>
      <c r="K53" s="26"/>
      <c r="L53" s="21"/>
      <c r="M53" s="22"/>
      <c r="N53" s="21"/>
      <c r="O53" s="22"/>
    </row>
    <row r="54" spans="1:15" ht="12.75" customHeight="1">
      <c r="A54" s="185"/>
      <c r="B54" s="27">
        <v>206</v>
      </c>
      <c r="C54" s="28">
        <v>7.8</v>
      </c>
      <c r="D54" s="27">
        <v>1867194</v>
      </c>
      <c r="E54" s="28">
        <v>10.9</v>
      </c>
      <c r="F54" s="27">
        <v>0</v>
      </c>
      <c r="G54" s="28">
        <v>0</v>
      </c>
      <c r="H54" s="31">
        <v>200</v>
      </c>
      <c r="I54" s="28">
        <v>8.1999999999999993</v>
      </c>
      <c r="J54" s="180"/>
      <c r="K54" s="182"/>
      <c r="L54" s="41">
        <v>0</v>
      </c>
      <c r="M54" s="28">
        <v>-95</v>
      </c>
      <c r="N54" s="31">
        <v>6</v>
      </c>
      <c r="O54" s="28">
        <v>-2.9444356498337818</v>
      </c>
    </row>
    <row r="55" spans="1:15" ht="12.75" customHeight="1">
      <c r="A55" s="185"/>
      <c r="B55" s="21"/>
      <c r="C55" s="22"/>
      <c r="D55" s="21"/>
      <c r="E55" s="22"/>
      <c r="F55" s="21"/>
      <c r="G55" s="22"/>
      <c r="H55" s="40">
        <v>28</v>
      </c>
      <c r="I55" s="30">
        <v>8.4</v>
      </c>
      <c r="J55" s="181"/>
      <c r="K55" s="183"/>
      <c r="L55" s="21"/>
      <c r="M55" s="22"/>
      <c r="N55" s="21"/>
      <c r="O55" s="22"/>
    </row>
    <row r="56" spans="1:15" ht="12.75" customHeight="1">
      <c r="A56" s="185"/>
      <c r="B56" s="31">
        <v>129471</v>
      </c>
      <c r="C56" s="28">
        <v>4.5999999999999996</v>
      </c>
      <c r="D56" s="31">
        <v>732198</v>
      </c>
      <c r="E56" s="28">
        <v>3</v>
      </c>
      <c r="F56" s="31">
        <v>1</v>
      </c>
      <c r="G56" s="28">
        <v>-13.8</v>
      </c>
      <c r="H56" s="31">
        <v>105668</v>
      </c>
      <c r="I56" s="28">
        <v>5</v>
      </c>
      <c r="J56" s="32">
        <v>19839</v>
      </c>
      <c r="K56" s="20">
        <v>3.3</v>
      </c>
      <c r="L56" s="31">
        <v>2</v>
      </c>
      <c r="M56" s="28">
        <v>-96.1</v>
      </c>
      <c r="N56" s="31">
        <v>3961</v>
      </c>
      <c r="O56" s="28">
        <v>2.7720530104088854</v>
      </c>
    </row>
    <row r="57" spans="1:15" ht="12.75" customHeight="1" thickBot="1">
      <c r="A57" s="186"/>
      <c r="B57" s="33"/>
      <c r="C57" s="34"/>
      <c r="D57" s="33"/>
      <c r="E57" s="34"/>
      <c r="F57" s="33"/>
      <c r="G57" s="34"/>
      <c r="H57" s="35">
        <v>21942</v>
      </c>
      <c r="I57" s="36">
        <v>-2.2000000000000002</v>
      </c>
      <c r="J57" s="37"/>
      <c r="K57" s="34"/>
      <c r="L57" s="33"/>
      <c r="M57" s="34"/>
      <c r="N57" s="33"/>
      <c r="O57" s="34"/>
    </row>
    <row r="58" spans="1:15" ht="12.75" customHeight="1">
      <c r="A58" s="184" t="s">
        <v>28</v>
      </c>
      <c r="B58" s="17">
        <v>135510</v>
      </c>
      <c r="C58" s="18">
        <v>2.2000000000000002</v>
      </c>
      <c r="D58" s="17">
        <v>3598369</v>
      </c>
      <c r="E58" s="18">
        <v>7.3</v>
      </c>
      <c r="F58" s="17">
        <v>1</v>
      </c>
      <c r="G58" s="18">
        <v>-12</v>
      </c>
      <c r="H58" s="17">
        <v>109984</v>
      </c>
      <c r="I58" s="18">
        <v>2.1</v>
      </c>
      <c r="J58" s="19">
        <v>20828</v>
      </c>
      <c r="K58" s="20">
        <v>4</v>
      </c>
      <c r="L58" s="17">
        <v>3</v>
      </c>
      <c r="M58" s="18">
        <v>-95.9</v>
      </c>
      <c r="N58" s="17">
        <v>4695</v>
      </c>
      <c r="O58" s="18">
        <v>-1.931940420714475</v>
      </c>
    </row>
    <row r="59" spans="1:15">
      <c r="A59" s="185"/>
      <c r="B59" s="21"/>
      <c r="C59" s="22"/>
      <c r="D59" s="21"/>
      <c r="E59" s="22"/>
      <c r="F59" s="21"/>
      <c r="G59" s="22"/>
      <c r="H59" s="23">
        <v>17829</v>
      </c>
      <c r="I59" s="24">
        <v>-8.3000000000000007</v>
      </c>
      <c r="J59" s="25"/>
      <c r="K59" s="26"/>
      <c r="L59" s="21"/>
      <c r="M59" s="22"/>
      <c r="N59" s="21"/>
      <c r="O59" s="22"/>
    </row>
    <row r="60" spans="1:15">
      <c r="A60" s="185"/>
      <c r="B60" s="27">
        <v>274</v>
      </c>
      <c r="C60" s="28">
        <v>4.8</v>
      </c>
      <c r="D60" s="27">
        <v>2641509</v>
      </c>
      <c r="E60" s="28">
        <v>9.3000000000000007</v>
      </c>
      <c r="F60" s="27">
        <v>0</v>
      </c>
      <c r="G60" s="28">
        <v>-40</v>
      </c>
      <c r="H60" s="31">
        <v>266</v>
      </c>
      <c r="I60" s="28">
        <v>5.0999999999999996</v>
      </c>
      <c r="J60" s="180"/>
      <c r="K60" s="182"/>
      <c r="L60" s="41">
        <v>0</v>
      </c>
      <c r="M60" s="28">
        <v>-95.1</v>
      </c>
      <c r="N60" s="31">
        <v>8</v>
      </c>
      <c r="O60" s="28">
        <v>-3.8397527341892537</v>
      </c>
    </row>
    <row r="61" spans="1:15">
      <c r="A61" s="185"/>
      <c r="B61" s="21"/>
      <c r="C61" s="22"/>
      <c r="D61" s="21"/>
      <c r="E61" s="22"/>
      <c r="F61" s="21"/>
      <c r="G61" s="22"/>
      <c r="H61" s="40">
        <v>34</v>
      </c>
      <c r="I61" s="30">
        <v>7.9</v>
      </c>
      <c r="J61" s="181"/>
      <c r="K61" s="183"/>
      <c r="L61" s="21"/>
      <c r="M61" s="22"/>
      <c r="N61" s="21"/>
      <c r="O61" s="22"/>
    </row>
    <row r="62" spans="1:15">
      <c r="A62" s="185"/>
      <c r="B62" s="31">
        <v>135236</v>
      </c>
      <c r="C62" s="28">
        <v>2.2000000000000002</v>
      </c>
      <c r="D62" s="31">
        <v>956861</v>
      </c>
      <c r="E62" s="28">
        <v>2.1</v>
      </c>
      <c r="F62" s="31">
        <v>1</v>
      </c>
      <c r="G62" s="28">
        <v>-11.8</v>
      </c>
      <c r="H62" s="31">
        <v>109718</v>
      </c>
      <c r="I62" s="28">
        <v>2.1</v>
      </c>
      <c r="J62" s="32">
        <v>20828</v>
      </c>
      <c r="K62" s="20">
        <v>4</v>
      </c>
      <c r="L62" s="31">
        <v>3</v>
      </c>
      <c r="M62" s="28">
        <v>-95.9</v>
      </c>
      <c r="N62" s="31">
        <v>4687</v>
      </c>
      <c r="O62" s="28">
        <v>-1.9285823988242281</v>
      </c>
    </row>
    <row r="63" spans="1:15" ht="13.8" thickBot="1">
      <c r="A63" s="186"/>
      <c r="B63" s="33"/>
      <c r="C63" s="34"/>
      <c r="D63" s="33"/>
      <c r="E63" s="34"/>
      <c r="F63" s="33"/>
      <c r="G63" s="34"/>
      <c r="H63" s="35">
        <v>17795</v>
      </c>
      <c r="I63" s="36">
        <v>-8.3000000000000007</v>
      </c>
      <c r="J63" s="37"/>
      <c r="K63" s="34"/>
      <c r="L63" s="33"/>
      <c r="M63" s="34"/>
      <c r="N63" s="33"/>
      <c r="O63" s="34"/>
    </row>
    <row r="64" spans="1:15">
      <c r="A64" s="184" t="s">
        <v>29</v>
      </c>
      <c r="B64" s="17">
        <v>128903</v>
      </c>
      <c r="C64" s="18">
        <v>3.1</v>
      </c>
      <c r="D64" s="17">
        <v>2982231</v>
      </c>
      <c r="E64" s="18">
        <v>4.4000000000000004</v>
      </c>
      <c r="F64" s="17">
        <v>0</v>
      </c>
      <c r="G64" s="18">
        <v>-6.1</v>
      </c>
      <c r="H64" s="17">
        <v>104022</v>
      </c>
      <c r="I64" s="18">
        <v>3.4</v>
      </c>
      <c r="J64" s="19">
        <v>20527</v>
      </c>
      <c r="K64" s="20">
        <v>3.2</v>
      </c>
      <c r="L64" s="17">
        <v>2</v>
      </c>
      <c r="M64" s="18">
        <v>-95.1</v>
      </c>
      <c r="N64" s="17">
        <v>4352</v>
      </c>
      <c r="O64" s="18">
        <v>-1.8929017986174332</v>
      </c>
    </row>
    <row r="65" spans="1:15">
      <c r="A65" s="185"/>
      <c r="B65" s="21"/>
      <c r="C65" s="22"/>
      <c r="D65" s="21"/>
      <c r="E65" s="22"/>
      <c r="F65" s="21"/>
      <c r="G65" s="22"/>
      <c r="H65" s="23">
        <v>19627</v>
      </c>
      <c r="I65" s="24">
        <v>2.2000000000000002</v>
      </c>
      <c r="J65" s="25"/>
      <c r="K65" s="26"/>
      <c r="L65" s="21"/>
      <c r="M65" s="22"/>
      <c r="N65" s="21"/>
      <c r="O65" s="22"/>
    </row>
    <row r="66" spans="1:15">
      <c r="A66" s="185"/>
      <c r="B66" s="27">
        <v>225</v>
      </c>
      <c r="C66" s="28">
        <v>3.8</v>
      </c>
      <c r="D66" s="27">
        <v>2126564</v>
      </c>
      <c r="E66" s="28">
        <v>5.4</v>
      </c>
      <c r="F66" s="27">
        <v>0</v>
      </c>
      <c r="G66" s="28">
        <v>0</v>
      </c>
      <c r="H66" s="31">
        <v>218</v>
      </c>
      <c r="I66" s="28">
        <v>3.8</v>
      </c>
      <c r="J66" s="180"/>
      <c r="K66" s="182"/>
      <c r="L66" s="31">
        <v>0</v>
      </c>
      <c r="M66" s="28">
        <v>-77.099999999999994</v>
      </c>
      <c r="N66" s="31">
        <v>7</v>
      </c>
      <c r="O66" s="28">
        <v>4.9109148076059288</v>
      </c>
    </row>
    <row r="67" spans="1:15">
      <c r="A67" s="185"/>
      <c r="B67" s="21"/>
      <c r="C67" s="22"/>
      <c r="D67" s="21"/>
      <c r="E67" s="22"/>
      <c r="F67" s="21"/>
      <c r="G67" s="22"/>
      <c r="H67" s="40">
        <v>30</v>
      </c>
      <c r="I67" s="30">
        <v>5.6</v>
      </c>
      <c r="J67" s="181"/>
      <c r="K67" s="183"/>
      <c r="L67" s="21"/>
      <c r="M67" s="22"/>
      <c r="N67" s="21"/>
      <c r="O67" s="22"/>
    </row>
    <row r="68" spans="1:15">
      <c r="A68" s="185"/>
      <c r="B68" s="31">
        <v>128678</v>
      </c>
      <c r="C68" s="28">
        <v>3.1</v>
      </c>
      <c r="D68" s="31">
        <v>855668</v>
      </c>
      <c r="E68" s="28">
        <v>2.2000000000000002</v>
      </c>
      <c r="F68" s="31">
        <v>0</v>
      </c>
      <c r="G68" s="28">
        <v>-6.1</v>
      </c>
      <c r="H68" s="31">
        <v>103805</v>
      </c>
      <c r="I68" s="28">
        <v>3.4</v>
      </c>
      <c r="J68" s="32">
        <v>20527</v>
      </c>
      <c r="K68" s="20">
        <v>3.2</v>
      </c>
      <c r="L68" s="31">
        <v>2</v>
      </c>
      <c r="M68" s="28">
        <v>-95.1</v>
      </c>
      <c r="N68" s="31">
        <v>4345</v>
      </c>
      <c r="O68" s="28">
        <v>-1.9031624315085736</v>
      </c>
    </row>
    <row r="69" spans="1:15" ht="13.8" thickBot="1">
      <c r="A69" s="186"/>
      <c r="B69" s="33"/>
      <c r="C69" s="34"/>
      <c r="D69" s="33"/>
      <c r="E69" s="34"/>
      <c r="F69" s="33"/>
      <c r="G69" s="34"/>
      <c r="H69" s="35">
        <v>19597</v>
      </c>
      <c r="I69" s="36">
        <v>2.2000000000000002</v>
      </c>
      <c r="J69" s="37"/>
      <c r="K69" s="34"/>
      <c r="L69" s="33"/>
      <c r="M69" s="34"/>
      <c r="N69" s="33"/>
      <c r="O69" s="34"/>
    </row>
    <row r="70" spans="1:15">
      <c r="A70" s="184" t="s">
        <v>30</v>
      </c>
      <c r="B70" s="17">
        <v>129681</v>
      </c>
      <c r="C70" s="18">
        <v>6.3</v>
      </c>
      <c r="D70" s="17">
        <v>2985698</v>
      </c>
      <c r="E70" s="18">
        <v>5.8</v>
      </c>
      <c r="F70" s="17">
        <v>0</v>
      </c>
      <c r="G70" s="18">
        <v>-36.799999999999997</v>
      </c>
      <c r="H70" s="17">
        <v>105656</v>
      </c>
      <c r="I70" s="18">
        <v>7.1</v>
      </c>
      <c r="J70" s="19">
        <v>20069</v>
      </c>
      <c r="K70" s="20">
        <v>3.7</v>
      </c>
      <c r="L70" s="17">
        <v>2</v>
      </c>
      <c r="M70" s="18">
        <v>-97.1</v>
      </c>
      <c r="N70" s="17">
        <v>3954</v>
      </c>
      <c r="O70" s="18">
        <v>0.44132682545186214</v>
      </c>
    </row>
    <row r="71" spans="1:15">
      <c r="A71" s="185"/>
      <c r="B71" s="21"/>
      <c r="C71" s="22"/>
      <c r="D71" s="21"/>
      <c r="E71" s="22"/>
      <c r="F71" s="21"/>
      <c r="G71" s="22"/>
      <c r="H71" s="23">
        <v>16377</v>
      </c>
      <c r="I71" s="24">
        <v>8.4</v>
      </c>
      <c r="J71" s="25"/>
      <c r="K71" s="26"/>
      <c r="L71" s="21"/>
      <c r="M71" s="22"/>
      <c r="N71" s="21"/>
      <c r="O71" s="22"/>
    </row>
    <row r="72" spans="1:15">
      <c r="A72" s="185"/>
      <c r="B72" s="27">
        <v>241</v>
      </c>
      <c r="C72" s="28">
        <v>7.3</v>
      </c>
      <c r="D72" s="27">
        <v>2159125</v>
      </c>
      <c r="E72" s="28">
        <v>6.5</v>
      </c>
      <c r="F72" s="27">
        <v>0</v>
      </c>
      <c r="G72" s="28">
        <v>0</v>
      </c>
      <c r="H72" s="31">
        <v>232</v>
      </c>
      <c r="I72" s="28">
        <v>7.5</v>
      </c>
      <c r="J72" s="180"/>
      <c r="K72" s="182"/>
      <c r="L72" s="31">
        <v>0</v>
      </c>
      <c r="M72" s="28">
        <v>-87.5</v>
      </c>
      <c r="N72" s="31">
        <v>9</v>
      </c>
      <c r="O72" s="28">
        <v>3.5747339194817216</v>
      </c>
    </row>
    <row r="73" spans="1:15">
      <c r="A73" s="185"/>
      <c r="B73" s="21"/>
      <c r="C73" s="22"/>
      <c r="D73" s="21"/>
      <c r="E73" s="22"/>
      <c r="F73" s="21"/>
      <c r="G73" s="22"/>
      <c r="H73" s="40">
        <v>32</v>
      </c>
      <c r="I73" s="30">
        <v>6.5</v>
      </c>
      <c r="J73" s="181"/>
      <c r="K73" s="183"/>
      <c r="L73" s="21"/>
      <c r="M73" s="22"/>
      <c r="N73" s="21"/>
      <c r="O73" s="22"/>
    </row>
    <row r="74" spans="1:15">
      <c r="A74" s="185"/>
      <c r="B74" s="31">
        <v>129440</v>
      </c>
      <c r="C74" s="28">
        <v>6.3</v>
      </c>
      <c r="D74" s="31">
        <v>826573</v>
      </c>
      <c r="E74" s="28">
        <v>4</v>
      </c>
      <c r="F74" s="31">
        <v>0</v>
      </c>
      <c r="G74" s="28">
        <v>-36.799999999999997</v>
      </c>
      <c r="H74" s="31">
        <v>105424</v>
      </c>
      <c r="I74" s="28">
        <v>7.1</v>
      </c>
      <c r="J74" s="32">
        <v>20069</v>
      </c>
      <c r="K74" s="20">
        <v>3.7</v>
      </c>
      <c r="L74" s="31">
        <v>2</v>
      </c>
      <c r="M74" s="28">
        <v>-97.1</v>
      </c>
      <c r="N74" s="31">
        <v>3945</v>
      </c>
      <c r="O74" s="28">
        <v>0.43443162774262806</v>
      </c>
    </row>
    <row r="75" spans="1:15" ht="13.8" thickBot="1">
      <c r="A75" s="186"/>
      <c r="B75" s="33"/>
      <c r="C75" s="34"/>
      <c r="D75" s="33"/>
      <c r="E75" s="34"/>
      <c r="F75" s="33"/>
      <c r="G75" s="34"/>
      <c r="H75" s="35">
        <v>16345</v>
      </c>
      <c r="I75" s="36">
        <v>8.4</v>
      </c>
      <c r="J75" s="37"/>
      <c r="K75" s="34"/>
      <c r="L75" s="33"/>
      <c r="M75" s="34"/>
      <c r="N75" s="33"/>
      <c r="O75" s="34"/>
    </row>
    <row r="76" spans="1:15">
      <c r="A76" s="184" t="s">
        <v>31</v>
      </c>
      <c r="B76" s="17">
        <v>145379</v>
      </c>
      <c r="C76" s="18">
        <v>4.9000000000000004</v>
      </c>
      <c r="D76" s="17">
        <v>3056639</v>
      </c>
      <c r="E76" s="18">
        <v>5</v>
      </c>
      <c r="F76" s="17">
        <v>0</v>
      </c>
      <c r="G76" s="18">
        <v>-4.5999999999999996</v>
      </c>
      <c r="H76" s="17">
        <v>114173</v>
      </c>
      <c r="I76" s="18">
        <v>5.3</v>
      </c>
      <c r="J76" s="19">
        <v>26247</v>
      </c>
      <c r="K76" s="20">
        <v>5</v>
      </c>
      <c r="L76" s="17">
        <v>2</v>
      </c>
      <c r="M76" s="18">
        <v>-96.2</v>
      </c>
      <c r="N76" s="17">
        <v>4956</v>
      </c>
      <c r="O76" s="18">
        <v>-1.5920915609497988</v>
      </c>
    </row>
    <row r="77" spans="1:15">
      <c r="A77" s="185"/>
      <c r="B77" s="21"/>
      <c r="C77" s="22"/>
      <c r="D77" s="21"/>
      <c r="E77" s="22"/>
      <c r="F77" s="21"/>
      <c r="G77" s="22"/>
      <c r="H77" s="23">
        <v>23349</v>
      </c>
      <c r="I77" s="24">
        <v>3.3</v>
      </c>
      <c r="J77" s="25"/>
      <c r="K77" s="26"/>
      <c r="L77" s="21"/>
      <c r="M77" s="22"/>
      <c r="N77" s="21"/>
      <c r="O77" s="22"/>
    </row>
    <row r="78" spans="1:15">
      <c r="A78" s="185"/>
      <c r="B78" s="27">
        <v>238</v>
      </c>
      <c r="C78" s="28">
        <v>6.9</v>
      </c>
      <c r="D78" s="27">
        <v>2217582</v>
      </c>
      <c r="E78" s="28">
        <v>5.0999999999999996</v>
      </c>
      <c r="F78" s="27">
        <v>0</v>
      </c>
      <c r="G78" s="28">
        <v>0</v>
      </c>
      <c r="H78" s="31">
        <v>230</v>
      </c>
      <c r="I78" s="28">
        <v>7</v>
      </c>
      <c r="J78" s="180"/>
      <c r="K78" s="182"/>
      <c r="L78" s="31">
        <v>0</v>
      </c>
      <c r="M78" s="28">
        <v>-89.5</v>
      </c>
      <c r="N78" s="31">
        <v>9</v>
      </c>
      <c r="O78" s="28">
        <v>5.00183441359912</v>
      </c>
    </row>
    <row r="79" spans="1:15">
      <c r="A79" s="185"/>
      <c r="B79" s="21"/>
      <c r="C79" s="22"/>
      <c r="D79" s="21"/>
      <c r="E79" s="22"/>
      <c r="F79" s="21"/>
      <c r="G79" s="22"/>
      <c r="H79" s="40">
        <v>30</v>
      </c>
      <c r="I79" s="30">
        <v>4.7</v>
      </c>
      <c r="J79" s="181"/>
      <c r="K79" s="183"/>
      <c r="L79" s="21"/>
      <c r="M79" s="22"/>
      <c r="N79" s="21"/>
      <c r="O79" s="22"/>
    </row>
    <row r="80" spans="1:15">
      <c r="A80" s="185"/>
      <c r="B80" s="31">
        <v>145140</v>
      </c>
      <c r="C80" s="28">
        <v>4.9000000000000004</v>
      </c>
      <c r="D80" s="31">
        <v>839057</v>
      </c>
      <c r="E80" s="28">
        <v>4.9000000000000004</v>
      </c>
      <c r="F80" s="31">
        <v>0</v>
      </c>
      <c r="G80" s="28">
        <v>-4.5999999999999996</v>
      </c>
      <c r="H80" s="31">
        <v>113943</v>
      </c>
      <c r="I80" s="28">
        <v>5.3</v>
      </c>
      <c r="J80" s="32">
        <v>26247</v>
      </c>
      <c r="K80" s="20">
        <v>5</v>
      </c>
      <c r="L80" s="31">
        <v>2</v>
      </c>
      <c r="M80" s="28">
        <v>-96.2</v>
      </c>
      <c r="N80" s="31">
        <v>4948</v>
      </c>
      <c r="O80" s="28">
        <v>-1.6028142169742354</v>
      </c>
    </row>
    <row r="81" spans="1:15" ht="13.8" thickBot="1">
      <c r="A81" s="186"/>
      <c r="B81" s="33"/>
      <c r="C81" s="34"/>
      <c r="D81" s="33"/>
      <c r="E81" s="34"/>
      <c r="F81" s="33"/>
      <c r="G81" s="34"/>
      <c r="H81" s="35">
        <v>23319</v>
      </c>
      <c r="I81" s="36">
        <v>3.3</v>
      </c>
      <c r="J81" s="37"/>
      <c r="K81" s="34"/>
      <c r="L81" s="33"/>
      <c r="M81" s="34"/>
      <c r="N81" s="33"/>
      <c r="O81" s="34"/>
    </row>
    <row r="82" spans="1:15">
      <c r="A82" s="184" t="s">
        <v>32</v>
      </c>
      <c r="B82" s="17">
        <v>133427</v>
      </c>
      <c r="C82" s="18">
        <v>8.8000000000000007</v>
      </c>
      <c r="D82" s="17">
        <v>2852737</v>
      </c>
      <c r="E82" s="18">
        <v>10</v>
      </c>
      <c r="F82" s="17">
        <v>1</v>
      </c>
      <c r="G82" s="18">
        <v>2.1</v>
      </c>
      <c r="H82" s="17">
        <v>105090</v>
      </c>
      <c r="I82" s="18">
        <v>10.6</v>
      </c>
      <c r="J82" s="19">
        <v>24485</v>
      </c>
      <c r="K82" s="20">
        <v>3.6</v>
      </c>
      <c r="L82" s="17">
        <v>2</v>
      </c>
      <c r="M82" s="18">
        <v>-94.2</v>
      </c>
      <c r="N82" s="17">
        <v>3849</v>
      </c>
      <c r="O82" s="18">
        <v>-3.2271805131021387</v>
      </c>
    </row>
    <row r="83" spans="1:15">
      <c r="A83" s="185"/>
      <c r="B83" s="21"/>
      <c r="C83" s="22"/>
      <c r="D83" s="21"/>
      <c r="E83" s="22"/>
      <c r="F83" s="21"/>
      <c r="G83" s="22"/>
      <c r="H83" s="23">
        <v>17861</v>
      </c>
      <c r="I83" s="24">
        <v>16.8</v>
      </c>
      <c r="J83" s="25"/>
      <c r="K83" s="26"/>
      <c r="L83" s="21"/>
      <c r="M83" s="22"/>
      <c r="N83" s="21"/>
      <c r="O83" s="22"/>
    </row>
    <row r="84" spans="1:15">
      <c r="A84" s="185"/>
      <c r="B84" s="27">
        <v>223</v>
      </c>
      <c r="C84" s="28">
        <v>11.2</v>
      </c>
      <c r="D84" s="27">
        <v>2052158</v>
      </c>
      <c r="E84" s="28">
        <v>9.9</v>
      </c>
      <c r="F84" s="27">
        <v>0</v>
      </c>
      <c r="G84" s="28">
        <v>0</v>
      </c>
      <c r="H84" s="31">
        <v>216</v>
      </c>
      <c r="I84" s="28">
        <v>11.4</v>
      </c>
      <c r="J84" s="180"/>
      <c r="K84" s="182"/>
      <c r="L84" s="31">
        <v>0</v>
      </c>
      <c r="M84" s="28">
        <v>-75</v>
      </c>
      <c r="N84" s="31">
        <v>7</v>
      </c>
      <c r="O84" s="28">
        <v>6.8298402462260004</v>
      </c>
    </row>
    <row r="85" spans="1:15">
      <c r="A85" s="185"/>
      <c r="B85" s="21"/>
      <c r="C85" s="22"/>
      <c r="D85" s="21"/>
      <c r="E85" s="22"/>
      <c r="F85" s="21"/>
      <c r="G85" s="22"/>
      <c r="H85" s="40">
        <v>29</v>
      </c>
      <c r="I85" s="30">
        <v>10.4</v>
      </c>
      <c r="J85" s="181"/>
      <c r="K85" s="183"/>
      <c r="L85" s="21"/>
      <c r="M85" s="22"/>
      <c r="N85" s="21"/>
      <c r="O85" s="22"/>
    </row>
    <row r="86" spans="1:15">
      <c r="A86" s="185"/>
      <c r="B86" s="31">
        <v>133204</v>
      </c>
      <c r="C86" s="28">
        <v>8.8000000000000007</v>
      </c>
      <c r="D86" s="31">
        <v>800579</v>
      </c>
      <c r="E86" s="28">
        <v>10.199999999999999</v>
      </c>
      <c r="F86" s="31">
        <v>1</v>
      </c>
      <c r="G86" s="28">
        <v>2.1</v>
      </c>
      <c r="H86" s="31">
        <v>104874</v>
      </c>
      <c r="I86" s="28">
        <v>10.6</v>
      </c>
      <c r="J86" s="32">
        <v>24485</v>
      </c>
      <c r="K86" s="20">
        <v>3.6</v>
      </c>
      <c r="L86" s="31">
        <v>2</v>
      </c>
      <c r="M86" s="28">
        <v>-94.3</v>
      </c>
      <c r="N86" s="31">
        <v>3841</v>
      </c>
      <c r="O86" s="28">
        <v>-3.244464539172335</v>
      </c>
    </row>
    <row r="87" spans="1:15" ht="13.8" thickBot="1">
      <c r="A87" s="186"/>
      <c r="B87" s="33"/>
      <c r="C87" s="34"/>
      <c r="D87" s="33"/>
      <c r="E87" s="34"/>
      <c r="F87" s="33"/>
      <c r="G87" s="34"/>
      <c r="H87" s="35">
        <v>17832</v>
      </c>
      <c r="I87" s="36">
        <v>16.8</v>
      </c>
      <c r="J87" s="37"/>
      <c r="K87" s="34"/>
      <c r="L87" s="33"/>
      <c r="M87" s="34"/>
      <c r="N87" s="33"/>
      <c r="O87" s="34"/>
    </row>
    <row r="88" spans="1:15">
      <c r="A88" s="184" t="s">
        <v>87</v>
      </c>
      <c r="B88" s="17">
        <v>135658</v>
      </c>
      <c r="C88" s="18">
        <v>5</v>
      </c>
      <c r="D88" s="17">
        <v>2854291</v>
      </c>
      <c r="E88" s="18">
        <v>2.6</v>
      </c>
      <c r="F88" s="17">
        <v>1</v>
      </c>
      <c r="G88" s="18">
        <v>-20.100000000000001</v>
      </c>
      <c r="H88" s="17">
        <v>111035</v>
      </c>
      <c r="I88" s="18">
        <v>5.7</v>
      </c>
      <c r="J88" s="19">
        <v>20496</v>
      </c>
      <c r="K88" s="20">
        <v>3</v>
      </c>
      <c r="L88" s="17">
        <v>2</v>
      </c>
      <c r="M88" s="18">
        <v>-96.2</v>
      </c>
      <c r="N88" s="17">
        <v>4124</v>
      </c>
      <c r="O88" s="18">
        <v>-3.4373505919660445</v>
      </c>
    </row>
    <row r="89" spans="1:15">
      <c r="A89" s="185"/>
      <c r="B89" s="21"/>
      <c r="C89" s="22"/>
      <c r="D89" s="21"/>
      <c r="E89" s="22"/>
      <c r="F89" s="21"/>
      <c r="G89" s="22"/>
      <c r="H89" s="23">
        <v>22761</v>
      </c>
      <c r="I89" s="24">
        <v>12.6</v>
      </c>
      <c r="J89" s="25"/>
      <c r="K89" s="26"/>
      <c r="L89" s="21"/>
      <c r="M89" s="22"/>
      <c r="N89" s="21"/>
      <c r="O89" s="22"/>
    </row>
    <row r="90" spans="1:15">
      <c r="A90" s="185"/>
      <c r="B90" s="27">
        <v>223</v>
      </c>
      <c r="C90" s="28">
        <v>1.1000000000000001</v>
      </c>
      <c r="D90" s="27">
        <v>2078845</v>
      </c>
      <c r="E90" s="28">
        <v>3</v>
      </c>
      <c r="F90" s="27">
        <v>0</v>
      </c>
      <c r="G90" s="28">
        <v>0</v>
      </c>
      <c r="H90" s="31">
        <v>216</v>
      </c>
      <c r="I90" s="28">
        <v>1.6</v>
      </c>
      <c r="J90" s="180"/>
      <c r="K90" s="182"/>
      <c r="L90" s="31">
        <v>0</v>
      </c>
      <c r="M90" s="28">
        <v>-97.4</v>
      </c>
      <c r="N90" s="31">
        <v>7</v>
      </c>
      <c r="O90" s="28">
        <v>-10.476075398743353</v>
      </c>
    </row>
    <row r="91" spans="1:15">
      <c r="A91" s="185"/>
      <c r="B91" s="21"/>
      <c r="C91" s="22"/>
      <c r="D91" s="21"/>
      <c r="E91" s="22"/>
      <c r="F91" s="21"/>
      <c r="G91" s="22"/>
      <c r="H91" s="40">
        <v>29</v>
      </c>
      <c r="I91" s="30">
        <v>-4.5</v>
      </c>
      <c r="J91" s="181"/>
      <c r="K91" s="183"/>
      <c r="L91" s="21"/>
      <c r="M91" s="22"/>
      <c r="N91" s="21"/>
      <c r="O91" s="22"/>
    </row>
    <row r="92" spans="1:15">
      <c r="A92" s="185"/>
      <c r="B92" s="31">
        <v>135435</v>
      </c>
      <c r="C92" s="28">
        <v>5</v>
      </c>
      <c r="D92" s="31">
        <v>775446</v>
      </c>
      <c r="E92" s="28">
        <v>1.4</v>
      </c>
      <c r="F92" s="31">
        <v>1</v>
      </c>
      <c r="G92" s="28">
        <v>-20.100000000000001</v>
      </c>
      <c r="H92" s="31">
        <v>110819</v>
      </c>
      <c r="I92" s="28">
        <v>5.7</v>
      </c>
      <c r="J92" s="32">
        <v>20496</v>
      </c>
      <c r="K92" s="20">
        <v>3</v>
      </c>
      <c r="L92" s="31">
        <v>2</v>
      </c>
      <c r="M92" s="28">
        <v>-96.2</v>
      </c>
      <c r="N92" s="31">
        <v>4117</v>
      </c>
      <c r="O92" s="28">
        <v>-3.4236851081439057</v>
      </c>
    </row>
    <row r="93" spans="1:15" ht="13.8" thickBot="1">
      <c r="A93" s="186"/>
      <c r="B93" s="33"/>
      <c r="C93" s="34"/>
      <c r="D93" s="33"/>
      <c r="E93" s="34"/>
      <c r="F93" s="33"/>
      <c r="G93" s="34"/>
      <c r="H93" s="35">
        <v>22732</v>
      </c>
      <c r="I93" s="36">
        <v>12.6</v>
      </c>
      <c r="J93" s="37"/>
      <c r="K93" s="34"/>
      <c r="L93" s="33"/>
      <c r="M93" s="34"/>
      <c r="N93" s="33"/>
      <c r="O93" s="34"/>
    </row>
    <row r="94" spans="1:15">
      <c r="A94" s="184" t="s">
        <v>86</v>
      </c>
      <c r="B94" s="17">
        <v>126055</v>
      </c>
      <c r="C94" s="18">
        <v>1</v>
      </c>
      <c r="D94" s="17">
        <v>2973806</v>
      </c>
      <c r="E94" s="18">
        <v>2.8</v>
      </c>
      <c r="F94" s="17">
        <v>1</v>
      </c>
      <c r="G94" s="18">
        <v>-11.1</v>
      </c>
      <c r="H94" s="17">
        <v>102090</v>
      </c>
      <c r="I94" s="18">
        <v>0.8</v>
      </c>
      <c r="J94" s="19">
        <v>20235</v>
      </c>
      <c r="K94" s="20">
        <v>3.7</v>
      </c>
      <c r="L94" s="17">
        <v>2</v>
      </c>
      <c r="M94" s="18">
        <v>-96.4</v>
      </c>
      <c r="N94" s="17">
        <v>3728</v>
      </c>
      <c r="O94" s="18">
        <v>-4.9889392060233098</v>
      </c>
    </row>
    <row r="95" spans="1:15">
      <c r="A95" s="185"/>
      <c r="B95" s="21"/>
      <c r="C95" s="22"/>
      <c r="D95" s="21"/>
      <c r="E95" s="22"/>
      <c r="F95" s="21"/>
      <c r="G95" s="22"/>
      <c r="H95" s="23">
        <v>16793</v>
      </c>
      <c r="I95" s="24">
        <v>-3.6</v>
      </c>
      <c r="J95" s="25"/>
      <c r="K95" s="26"/>
      <c r="L95" s="21"/>
      <c r="M95" s="22"/>
      <c r="N95" s="21"/>
      <c r="O95" s="22"/>
    </row>
    <row r="96" spans="1:15">
      <c r="A96" s="185"/>
      <c r="B96" s="27">
        <v>228</v>
      </c>
      <c r="C96" s="28">
        <v>0</v>
      </c>
      <c r="D96" s="27">
        <v>2194902</v>
      </c>
      <c r="E96" s="28">
        <v>3.8</v>
      </c>
      <c r="F96" s="27">
        <v>0</v>
      </c>
      <c r="G96" s="28">
        <v>-50</v>
      </c>
      <c r="H96" s="31">
        <v>221</v>
      </c>
      <c r="I96" s="28">
        <v>0.2</v>
      </c>
      <c r="J96" s="180"/>
      <c r="K96" s="182"/>
      <c r="L96" s="31">
        <v>0</v>
      </c>
      <c r="M96" s="28">
        <v>-91.4</v>
      </c>
      <c r="N96" s="31">
        <v>7</v>
      </c>
      <c r="O96" s="28">
        <v>-4.8071700162954913</v>
      </c>
    </row>
    <row r="97" spans="1:15">
      <c r="A97" s="185"/>
      <c r="B97" s="21"/>
      <c r="C97" s="22"/>
      <c r="D97" s="21"/>
      <c r="E97" s="22"/>
      <c r="F97" s="21"/>
      <c r="G97" s="22"/>
      <c r="H97" s="40">
        <v>28</v>
      </c>
      <c r="I97" s="30">
        <v>-7.8</v>
      </c>
      <c r="J97" s="181"/>
      <c r="K97" s="183"/>
      <c r="L97" s="21"/>
      <c r="M97" s="22"/>
      <c r="N97" s="21"/>
      <c r="O97" s="22"/>
    </row>
    <row r="98" spans="1:15">
      <c r="A98" s="185"/>
      <c r="B98" s="31">
        <v>125827</v>
      </c>
      <c r="C98" s="28">
        <v>1</v>
      </c>
      <c r="D98" s="31">
        <v>778904</v>
      </c>
      <c r="E98" s="28">
        <v>0.2</v>
      </c>
      <c r="F98" s="31">
        <v>1</v>
      </c>
      <c r="G98" s="28">
        <v>-10.9</v>
      </c>
      <c r="H98" s="31">
        <v>101869</v>
      </c>
      <c r="I98" s="28">
        <v>0.8</v>
      </c>
      <c r="J98" s="32">
        <v>20235</v>
      </c>
      <c r="K98" s="20">
        <v>3.7</v>
      </c>
      <c r="L98" s="31">
        <v>2</v>
      </c>
      <c r="M98" s="28">
        <v>-96.4</v>
      </c>
      <c r="N98" s="31">
        <v>3721</v>
      </c>
      <c r="O98" s="28">
        <v>-4.9892809464323058</v>
      </c>
    </row>
    <row r="99" spans="1:15" ht="13.8" thickBot="1">
      <c r="A99" s="186"/>
      <c r="B99" s="33"/>
      <c r="C99" s="34"/>
      <c r="D99" s="33"/>
      <c r="E99" s="34"/>
      <c r="F99" s="33"/>
      <c r="G99" s="34"/>
      <c r="H99" s="35">
        <v>16765</v>
      </c>
      <c r="I99" s="36">
        <v>-3.6</v>
      </c>
      <c r="J99" s="37"/>
      <c r="K99" s="34"/>
      <c r="L99" s="33"/>
      <c r="M99" s="34"/>
      <c r="N99" s="33"/>
      <c r="O99" s="34"/>
    </row>
    <row r="100" spans="1:15">
      <c r="A100" s="184" t="s">
        <v>85</v>
      </c>
      <c r="B100" s="17">
        <v>140548</v>
      </c>
      <c r="C100" s="18">
        <v>6.3</v>
      </c>
      <c r="D100" s="17">
        <v>2925724</v>
      </c>
      <c r="E100" s="18">
        <v>6.5</v>
      </c>
      <c r="F100" s="17">
        <v>1</v>
      </c>
      <c r="G100" s="18">
        <v>-10.5</v>
      </c>
      <c r="H100" s="17">
        <v>116034</v>
      </c>
      <c r="I100" s="18">
        <v>7.1</v>
      </c>
      <c r="J100" s="19">
        <v>20376</v>
      </c>
      <c r="K100" s="20">
        <v>3.7</v>
      </c>
      <c r="L100" s="17">
        <v>2</v>
      </c>
      <c r="M100" s="18">
        <v>-96.2</v>
      </c>
      <c r="N100" s="17">
        <v>4136</v>
      </c>
      <c r="O100" s="18">
        <v>-2.3911416992964245</v>
      </c>
    </row>
    <row r="101" spans="1:15">
      <c r="A101" s="185"/>
      <c r="B101" s="21"/>
      <c r="C101" s="22"/>
      <c r="D101" s="21"/>
      <c r="E101" s="22"/>
      <c r="F101" s="21"/>
      <c r="G101" s="22"/>
      <c r="H101" s="23">
        <v>23452</v>
      </c>
      <c r="I101" s="24">
        <v>5.4</v>
      </c>
      <c r="J101" s="25"/>
      <c r="K101" s="26"/>
      <c r="L101" s="21"/>
      <c r="M101" s="22"/>
      <c r="N101" s="21"/>
      <c r="O101" s="22"/>
    </row>
    <row r="102" spans="1:15">
      <c r="A102" s="185"/>
      <c r="B102" s="27">
        <v>232</v>
      </c>
      <c r="C102" s="28">
        <v>9.9</v>
      </c>
      <c r="D102" s="27">
        <v>2091598</v>
      </c>
      <c r="E102" s="28">
        <v>5.8</v>
      </c>
      <c r="F102" s="27">
        <v>0</v>
      </c>
      <c r="G102" s="28">
        <v>0</v>
      </c>
      <c r="H102" s="31">
        <v>225</v>
      </c>
      <c r="I102" s="28">
        <v>10.1</v>
      </c>
      <c r="J102" s="180"/>
      <c r="K102" s="182"/>
      <c r="L102" s="31">
        <v>0</v>
      </c>
      <c r="M102" s="28">
        <v>-70.400000000000006</v>
      </c>
      <c r="N102" s="31">
        <v>7</v>
      </c>
      <c r="O102" s="28">
        <v>3.1067407724098617</v>
      </c>
    </row>
    <row r="103" spans="1:15">
      <c r="A103" s="185"/>
      <c r="B103" s="21"/>
      <c r="C103" s="22"/>
      <c r="D103" s="21"/>
      <c r="E103" s="22"/>
      <c r="F103" s="21"/>
      <c r="G103" s="22"/>
      <c r="H103" s="40">
        <v>31</v>
      </c>
      <c r="I103" s="30">
        <v>9.9</v>
      </c>
      <c r="J103" s="181"/>
      <c r="K103" s="183"/>
      <c r="L103" s="21"/>
      <c r="M103" s="22"/>
      <c r="N103" s="21"/>
      <c r="O103" s="22"/>
    </row>
    <row r="104" spans="1:15">
      <c r="A104" s="185"/>
      <c r="B104" s="31">
        <v>140316</v>
      </c>
      <c r="C104" s="28">
        <v>6.2</v>
      </c>
      <c r="D104" s="31">
        <v>834127</v>
      </c>
      <c r="E104" s="28">
        <v>8.3000000000000007</v>
      </c>
      <c r="F104" s="31">
        <v>1</v>
      </c>
      <c r="G104" s="28">
        <v>-10.5</v>
      </c>
      <c r="H104" s="31">
        <v>115809</v>
      </c>
      <c r="I104" s="28">
        <v>7.1</v>
      </c>
      <c r="J104" s="32">
        <v>20376</v>
      </c>
      <c r="K104" s="20">
        <v>3.7</v>
      </c>
      <c r="L104" s="31">
        <v>2</v>
      </c>
      <c r="M104" s="28">
        <v>-96.3</v>
      </c>
      <c r="N104" s="31">
        <v>4128</v>
      </c>
      <c r="O104" s="28">
        <v>-2.4002621330509637</v>
      </c>
    </row>
    <row r="105" spans="1:15" ht="13.8" thickBot="1">
      <c r="A105" s="186"/>
      <c r="B105" s="33"/>
      <c r="C105" s="34"/>
      <c r="D105" s="33"/>
      <c r="E105" s="34"/>
      <c r="F105" s="33"/>
      <c r="G105" s="34"/>
      <c r="H105" s="35">
        <v>23421</v>
      </c>
      <c r="I105" s="36">
        <v>5.3</v>
      </c>
      <c r="J105" s="37"/>
      <c r="K105" s="34"/>
      <c r="L105" s="33"/>
      <c r="M105" s="34"/>
      <c r="N105" s="33"/>
      <c r="O105" s="34"/>
    </row>
    <row r="106" spans="1:15">
      <c r="A106" s="184" t="s">
        <v>91</v>
      </c>
      <c r="B106" s="17">
        <v>129457</v>
      </c>
      <c r="C106" s="18">
        <v>2.2000000000000002</v>
      </c>
      <c r="D106" s="17">
        <v>2882702</v>
      </c>
      <c r="E106" s="18">
        <v>3</v>
      </c>
      <c r="F106" s="17">
        <v>1</v>
      </c>
      <c r="G106" s="18">
        <v>1.3</v>
      </c>
      <c r="H106" s="17">
        <v>104726</v>
      </c>
      <c r="I106" s="18">
        <v>2</v>
      </c>
      <c r="J106" s="19">
        <v>20586</v>
      </c>
      <c r="K106" s="20">
        <v>3.9</v>
      </c>
      <c r="L106" s="17">
        <v>2</v>
      </c>
      <c r="M106" s="18">
        <v>-72</v>
      </c>
      <c r="N106" s="17">
        <v>4142</v>
      </c>
      <c r="O106" s="18">
        <v>-2.7402358682849579</v>
      </c>
    </row>
    <row r="107" spans="1:15">
      <c r="A107" s="185"/>
      <c r="B107" s="21"/>
      <c r="C107" s="22"/>
      <c r="D107" s="21"/>
      <c r="E107" s="22"/>
      <c r="F107" s="21"/>
      <c r="G107" s="22"/>
      <c r="H107" s="23">
        <v>15933</v>
      </c>
      <c r="I107" s="24">
        <v>-5.6</v>
      </c>
      <c r="J107" s="25"/>
      <c r="K107" s="26"/>
      <c r="L107" s="21"/>
      <c r="M107" s="22"/>
      <c r="N107" s="21"/>
      <c r="O107" s="22"/>
    </row>
    <row r="108" spans="1:15">
      <c r="A108" s="185"/>
      <c r="B108" s="27">
        <v>223</v>
      </c>
      <c r="C108" s="28">
        <v>4.8</v>
      </c>
      <c r="D108" s="27">
        <v>2069530</v>
      </c>
      <c r="E108" s="28">
        <v>3.1</v>
      </c>
      <c r="F108" s="27">
        <v>0</v>
      </c>
      <c r="G108" s="28">
        <v>0</v>
      </c>
      <c r="H108" s="31">
        <v>216</v>
      </c>
      <c r="I108" s="28">
        <v>4.9000000000000004</v>
      </c>
      <c r="J108" s="180"/>
      <c r="K108" s="182"/>
      <c r="L108" s="31">
        <v>0</v>
      </c>
      <c r="M108" s="28">
        <v>-88.9</v>
      </c>
      <c r="N108" s="31">
        <v>7</v>
      </c>
      <c r="O108" s="28">
        <v>3.2272796468260005</v>
      </c>
    </row>
    <row r="109" spans="1:15">
      <c r="A109" s="185"/>
      <c r="B109" s="21"/>
      <c r="C109" s="22"/>
      <c r="D109" s="21"/>
      <c r="E109" s="22"/>
      <c r="F109" s="21"/>
      <c r="G109" s="22"/>
      <c r="H109" s="40">
        <v>28</v>
      </c>
      <c r="I109" s="42">
        <v>1.6</v>
      </c>
      <c r="J109" s="181"/>
      <c r="K109" s="183"/>
      <c r="L109" s="21"/>
      <c r="M109" s="22"/>
      <c r="N109" s="21"/>
      <c r="O109" s="22"/>
    </row>
    <row r="110" spans="1:15">
      <c r="A110" s="185"/>
      <c r="B110" s="31">
        <v>129234</v>
      </c>
      <c r="C110" s="28">
        <v>2.1</v>
      </c>
      <c r="D110" s="31">
        <v>813172</v>
      </c>
      <c r="E110" s="28">
        <v>2.8</v>
      </c>
      <c r="F110" s="31">
        <v>1</v>
      </c>
      <c r="G110" s="28">
        <v>1.3</v>
      </c>
      <c r="H110" s="31">
        <v>104509</v>
      </c>
      <c r="I110" s="28">
        <v>2</v>
      </c>
      <c r="J110" s="32">
        <v>20586</v>
      </c>
      <c r="K110" s="20">
        <v>3.9</v>
      </c>
      <c r="L110" s="31">
        <v>2</v>
      </c>
      <c r="M110" s="28">
        <v>-72</v>
      </c>
      <c r="N110" s="31">
        <v>4135</v>
      </c>
      <c r="O110" s="28">
        <v>-2.7494550312917516</v>
      </c>
    </row>
    <row r="111" spans="1:15" ht="13.8" thickBot="1">
      <c r="A111" s="186"/>
      <c r="B111" s="33"/>
      <c r="C111" s="34"/>
      <c r="D111" s="33"/>
      <c r="E111" s="34"/>
      <c r="F111" s="33"/>
      <c r="G111" s="34"/>
      <c r="H111" s="35">
        <v>15904</v>
      </c>
      <c r="I111" s="36">
        <v>-5.6</v>
      </c>
      <c r="J111" s="37"/>
      <c r="K111" s="34"/>
      <c r="L111" s="33"/>
      <c r="M111" s="34"/>
      <c r="N111" s="33"/>
      <c r="O111" s="34"/>
    </row>
    <row r="112" spans="1:15">
      <c r="A112" s="184" t="s">
        <v>105</v>
      </c>
      <c r="B112" s="17">
        <v>154374</v>
      </c>
      <c r="C112" s="18">
        <v>1</v>
      </c>
      <c r="D112" s="17">
        <v>3122007</v>
      </c>
      <c r="E112" s="18">
        <v>2.4</v>
      </c>
      <c r="F112" s="17">
        <v>1</v>
      </c>
      <c r="G112" s="18">
        <v>5.7</v>
      </c>
      <c r="H112" s="17">
        <v>115979</v>
      </c>
      <c r="I112" s="18">
        <v>-0.1</v>
      </c>
      <c r="J112" s="19">
        <v>33101</v>
      </c>
      <c r="K112" s="20">
        <v>4.9000000000000004</v>
      </c>
      <c r="L112" s="17">
        <v>3</v>
      </c>
      <c r="M112" s="18">
        <v>-27.6</v>
      </c>
      <c r="N112" s="17">
        <v>5290</v>
      </c>
      <c r="O112" s="18">
        <v>1.3578840569435249</v>
      </c>
    </row>
    <row r="113" spans="1:15">
      <c r="A113" s="185"/>
      <c r="B113" s="21"/>
      <c r="C113" s="22"/>
      <c r="D113" s="21"/>
      <c r="E113" s="22"/>
      <c r="F113" s="21"/>
      <c r="G113" s="22"/>
      <c r="H113" s="23">
        <v>21548</v>
      </c>
      <c r="I113" s="24">
        <v>-9</v>
      </c>
      <c r="J113" s="25"/>
      <c r="K113" s="26"/>
      <c r="L113" s="21"/>
      <c r="M113" s="22"/>
      <c r="N113" s="21"/>
      <c r="O113" s="22"/>
    </row>
    <row r="114" spans="1:15">
      <c r="A114" s="185"/>
      <c r="B114" s="27">
        <v>242</v>
      </c>
      <c r="C114" s="28">
        <v>2.9</v>
      </c>
      <c r="D114" s="27">
        <v>2222744</v>
      </c>
      <c r="E114" s="28">
        <v>1.4</v>
      </c>
      <c r="F114" s="27">
        <v>0</v>
      </c>
      <c r="G114" s="28">
        <v>0</v>
      </c>
      <c r="H114" s="31">
        <v>233</v>
      </c>
      <c r="I114" s="28">
        <v>3</v>
      </c>
      <c r="J114" s="180"/>
      <c r="K114" s="182"/>
      <c r="L114" s="31">
        <v>0</v>
      </c>
      <c r="M114" s="28">
        <v>-55.6</v>
      </c>
      <c r="N114" s="31">
        <v>9</v>
      </c>
      <c r="O114" s="28">
        <v>0.2590673575129534</v>
      </c>
    </row>
    <row r="115" spans="1:15">
      <c r="A115" s="185"/>
      <c r="B115" s="21"/>
      <c r="C115" s="22"/>
      <c r="D115" s="21"/>
      <c r="E115" s="22"/>
      <c r="F115" s="21"/>
      <c r="G115" s="22"/>
      <c r="H115" s="40">
        <v>29</v>
      </c>
      <c r="I115" s="42">
        <v>-1.4</v>
      </c>
      <c r="J115" s="181"/>
      <c r="K115" s="183"/>
      <c r="L115" s="21"/>
      <c r="M115" s="22"/>
      <c r="N115" s="21"/>
      <c r="O115" s="22"/>
    </row>
    <row r="116" spans="1:15">
      <c r="A116" s="185"/>
      <c r="B116" s="31">
        <v>154132</v>
      </c>
      <c r="C116" s="28">
        <v>1</v>
      </c>
      <c r="D116" s="31">
        <v>899263</v>
      </c>
      <c r="E116" s="28">
        <v>4.8</v>
      </c>
      <c r="F116" s="31">
        <v>1</v>
      </c>
      <c r="G116" s="28">
        <v>5.7</v>
      </c>
      <c r="H116" s="31">
        <v>115746</v>
      </c>
      <c r="I116" s="28">
        <v>-0.1</v>
      </c>
      <c r="J116" s="32">
        <v>33101</v>
      </c>
      <c r="K116" s="20">
        <v>4.9000000000000004</v>
      </c>
      <c r="L116" s="31">
        <v>3</v>
      </c>
      <c r="M116" s="28">
        <v>-27.5</v>
      </c>
      <c r="N116" s="31">
        <v>5281</v>
      </c>
      <c r="O116" s="28">
        <v>1.3596749401145372</v>
      </c>
    </row>
    <row r="117" spans="1:15" ht="13.8" thickBot="1">
      <c r="A117" s="186"/>
      <c r="B117" s="33"/>
      <c r="C117" s="34"/>
      <c r="D117" s="33"/>
      <c r="E117" s="34"/>
      <c r="F117" s="33"/>
      <c r="G117" s="34"/>
      <c r="H117" s="35">
        <v>21518</v>
      </c>
      <c r="I117" s="36">
        <v>-9</v>
      </c>
      <c r="J117" s="33"/>
      <c r="K117" s="34"/>
      <c r="L117" s="33"/>
      <c r="M117" s="34"/>
      <c r="N117" s="33"/>
      <c r="O117" s="34"/>
    </row>
    <row r="118" spans="1:15">
      <c r="A118" s="43" t="s">
        <v>14</v>
      </c>
    </row>
    <row r="119" spans="1:15">
      <c r="A119" s="43" t="s">
        <v>15</v>
      </c>
    </row>
    <row r="120" spans="1:15">
      <c r="A120" s="43" t="s">
        <v>16</v>
      </c>
    </row>
    <row r="121" spans="1:15">
      <c r="A121" s="43" t="s">
        <v>17</v>
      </c>
    </row>
    <row r="122" spans="1:15">
      <c r="A122" s="43" t="s">
        <v>18</v>
      </c>
    </row>
    <row r="123" spans="1:15">
      <c r="A123" s="43" t="s">
        <v>19</v>
      </c>
    </row>
  </sheetData>
  <sheetProtection formatCells="0" formatColumns="0" formatRows="0"/>
  <mergeCells count="61">
    <mergeCell ref="A106:A111"/>
    <mergeCell ref="J108:J109"/>
    <mergeCell ref="K108:K109"/>
    <mergeCell ref="A112:A117"/>
    <mergeCell ref="J114:J115"/>
    <mergeCell ref="K114:K115"/>
    <mergeCell ref="A94:A99"/>
    <mergeCell ref="J96:J97"/>
    <mergeCell ref="K96:K97"/>
    <mergeCell ref="A100:A105"/>
    <mergeCell ref="J102:J103"/>
    <mergeCell ref="K102:K103"/>
    <mergeCell ref="A82:A87"/>
    <mergeCell ref="J84:J85"/>
    <mergeCell ref="K84:K85"/>
    <mergeCell ref="A88:A93"/>
    <mergeCell ref="J90:J91"/>
    <mergeCell ref="K90:K91"/>
    <mergeCell ref="A70:A75"/>
    <mergeCell ref="J72:J73"/>
    <mergeCell ref="K72:K73"/>
    <mergeCell ref="A76:A81"/>
    <mergeCell ref="J78:J79"/>
    <mergeCell ref="K78:K79"/>
    <mergeCell ref="A58:A63"/>
    <mergeCell ref="J60:J61"/>
    <mergeCell ref="K60:K61"/>
    <mergeCell ref="A64:A69"/>
    <mergeCell ref="J66:J67"/>
    <mergeCell ref="K66:K67"/>
    <mergeCell ref="A46:A51"/>
    <mergeCell ref="J48:J49"/>
    <mergeCell ref="K48:K49"/>
    <mergeCell ref="A52:A57"/>
    <mergeCell ref="J54:J55"/>
    <mergeCell ref="K54:K55"/>
    <mergeCell ref="A34:A39"/>
    <mergeCell ref="J36:J37"/>
    <mergeCell ref="K36:K37"/>
    <mergeCell ref="A40:A45"/>
    <mergeCell ref="J42:J43"/>
    <mergeCell ref="K42:K43"/>
    <mergeCell ref="A22:A27"/>
    <mergeCell ref="J24:J25"/>
    <mergeCell ref="K24:K25"/>
    <mergeCell ref="A28:A33"/>
    <mergeCell ref="J30:J31"/>
    <mergeCell ref="K30:K31"/>
    <mergeCell ref="A10:A15"/>
    <mergeCell ref="J12:J13"/>
    <mergeCell ref="K12:K13"/>
    <mergeCell ref="A16:A21"/>
    <mergeCell ref="J18:J19"/>
    <mergeCell ref="K18:K19"/>
    <mergeCell ref="F5:O5"/>
    <mergeCell ref="B6:E6"/>
    <mergeCell ref="F6:G8"/>
    <mergeCell ref="H6:I8"/>
    <mergeCell ref="J6:K8"/>
    <mergeCell ref="L6:M8"/>
    <mergeCell ref="N6:O8"/>
  </mergeCells>
  <phoneticPr fontId="6"/>
  <conditionalFormatting sqref="A40 A46 A52 A58 A64 A70 A76 A82 A88 A94 A100 A106">
    <cfRule type="cellIs" dxfId="8" priority="1" operator="between">
      <formula>43586</formula>
      <formula>43830</formula>
    </cfRule>
  </conditionalFormatting>
  <printOptions horizontalCentered="1" gridLinesSet="0"/>
  <pageMargins left="0.39370078740157483" right="0.31496062992125984" top="0.74803149606299213" bottom="0.78740157480314965" header="0.23622047244094491" footer="0.31496062992125984"/>
  <pageSetup paperSize="9" scale="47" orientation="portrait" r:id="rId1"/>
  <headerFooter alignWithMargins="0">
    <oddFooter>&amp;C&amp;"ＭＳ 明朝,標準"&amp;22 &amp;"ＭＳ ゴシック,標準"１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98B9E45-6579-4B4D-AA61-DB3B7FE56CFF}">
  <sheetPr>
    <pageSetUpPr fitToPage="1"/>
  </sheetPr>
  <dimension ref="A2:K48"/>
  <sheetViews>
    <sheetView windowProtection="1" showGridLines="0" zoomScale="75" zoomScaleNormal="75" zoomScaleSheetLayoutView="75" workbookViewId="0">
      <selection activeCell="G62" sqref="G62"/>
    </sheetView>
  </sheetViews>
  <sheetFormatPr defaultColWidth="9" defaultRowHeight="13.2"/>
  <cols>
    <col min="1" max="1" width="12.6640625" style="43" customWidth="1"/>
    <col min="2" max="2" width="12.33203125" style="43" customWidth="1"/>
    <col min="3" max="3" width="10.33203125" style="43" customWidth="1"/>
    <col min="4" max="4" width="14.21875" style="43" customWidth="1"/>
    <col min="5" max="5" width="11" style="43" customWidth="1"/>
    <col min="6" max="8" width="12.33203125" style="43" customWidth="1"/>
    <col min="9" max="9" width="10.33203125" style="43" customWidth="1"/>
    <col min="10" max="16384" width="9" style="43"/>
  </cols>
  <sheetData>
    <row r="2" spans="1:11" ht="24" customHeight="1">
      <c r="A2" s="46"/>
    </row>
    <row r="3" spans="1:11" ht="13.8" thickBot="1">
      <c r="A3" s="10" t="s">
        <v>44</v>
      </c>
      <c r="B3" s="10"/>
      <c r="C3" s="10"/>
      <c r="D3" s="10"/>
      <c r="E3" s="10"/>
      <c r="F3" s="10"/>
      <c r="G3" s="10"/>
      <c r="H3" s="157" t="s">
        <v>43</v>
      </c>
      <c r="I3" s="10"/>
    </row>
    <row r="4" spans="1:11" ht="15" customHeight="1" thickBot="1">
      <c r="A4" s="69"/>
      <c r="B4" s="2"/>
      <c r="C4" s="2"/>
      <c r="D4" s="2"/>
      <c r="E4" s="2"/>
      <c r="F4" s="2"/>
      <c r="G4" s="2"/>
      <c r="H4" s="2"/>
      <c r="I4" s="4"/>
    </row>
    <row r="5" spans="1:11" s="48" customFormat="1" ht="18" customHeight="1" thickBot="1">
      <c r="A5" s="68"/>
      <c r="B5" s="6"/>
      <c r="C5" s="6"/>
      <c r="D5" s="6"/>
      <c r="E5" s="6"/>
      <c r="F5" s="159" t="s">
        <v>7</v>
      </c>
      <c r="G5" s="160"/>
      <c r="H5" s="160"/>
      <c r="I5" s="161"/>
    </row>
    <row r="6" spans="1:11" ht="15" customHeight="1">
      <c r="A6" s="66" t="s">
        <v>1</v>
      </c>
      <c r="B6" s="162" t="s">
        <v>9</v>
      </c>
      <c r="C6" s="163"/>
      <c r="D6" s="163"/>
      <c r="E6" s="164"/>
      <c r="F6" s="165" t="s">
        <v>12</v>
      </c>
      <c r="G6" s="166"/>
      <c r="H6" s="171" t="s">
        <v>42</v>
      </c>
      <c r="I6" s="172"/>
    </row>
    <row r="7" spans="1:11" ht="15" customHeight="1">
      <c r="A7" s="67" t="s">
        <v>2</v>
      </c>
      <c r="B7" s="10"/>
      <c r="C7" s="10"/>
      <c r="D7" s="10"/>
      <c r="E7" s="10"/>
      <c r="F7" s="167"/>
      <c r="G7" s="168"/>
      <c r="H7" s="173"/>
      <c r="I7" s="174"/>
    </row>
    <row r="8" spans="1:11" ht="15" customHeight="1" thickBot="1">
      <c r="A8" s="66" t="s">
        <v>3</v>
      </c>
      <c r="B8" s="10"/>
      <c r="C8" s="10"/>
      <c r="D8" s="10"/>
      <c r="E8" s="10"/>
      <c r="F8" s="169"/>
      <c r="G8" s="170"/>
      <c r="H8" s="175"/>
      <c r="I8" s="176"/>
    </row>
    <row r="9" spans="1:11" s="49" customFormat="1" ht="15" customHeight="1" thickBot="1">
      <c r="A9" s="65"/>
      <c r="B9" s="12" t="s">
        <v>4</v>
      </c>
      <c r="C9" s="64" t="s">
        <v>5</v>
      </c>
      <c r="D9" s="12" t="s">
        <v>6</v>
      </c>
      <c r="E9" s="63" t="s">
        <v>5</v>
      </c>
      <c r="F9" s="12" t="s">
        <v>4</v>
      </c>
      <c r="G9" s="63" t="s">
        <v>5</v>
      </c>
      <c r="H9" s="12" t="s">
        <v>4</v>
      </c>
      <c r="I9" s="63" t="s">
        <v>5</v>
      </c>
    </row>
    <row r="10" spans="1:11" ht="14.4" customHeight="1">
      <c r="A10" s="177" t="s">
        <v>20</v>
      </c>
      <c r="B10" s="19">
        <v>35189</v>
      </c>
      <c r="C10" s="62" t="s">
        <v>41</v>
      </c>
      <c r="D10" s="17">
        <v>57888</v>
      </c>
      <c r="E10" s="62" t="s">
        <v>41</v>
      </c>
      <c r="F10" s="17">
        <v>34830</v>
      </c>
      <c r="G10" s="62" t="s">
        <v>41</v>
      </c>
      <c r="H10" s="17">
        <v>359</v>
      </c>
      <c r="I10" s="59" t="s">
        <v>41</v>
      </c>
    </row>
    <row r="11" spans="1:11" ht="14.4" customHeight="1">
      <c r="A11" s="189"/>
      <c r="B11" s="25"/>
      <c r="C11" s="26"/>
      <c r="D11" s="21"/>
      <c r="E11" s="22"/>
      <c r="F11" s="55"/>
      <c r="G11" s="61"/>
      <c r="H11" s="25"/>
      <c r="I11" s="22"/>
    </row>
    <row r="12" spans="1:11" ht="14.4" customHeight="1">
      <c r="A12" s="190" t="s">
        <v>21</v>
      </c>
      <c r="B12" s="32">
        <v>112562</v>
      </c>
      <c r="C12" s="62">
        <v>219.9</v>
      </c>
      <c r="D12" s="31">
        <v>194028</v>
      </c>
      <c r="E12" s="54">
        <v>235.2</v>
      </c>
      <c r="F12" s="31">
        <v>111796</v>
      </c>
      <c r="G12" s="54">
        <v>221</v>
      </c>
      <c r="H12" s="32">
        <v>766</v>
      </c>
      <c r="I12" s="54">
        <v>113.4</v>
      </c>
    </row>
    <row r="13" spans="1:11" ht="14.4" customHeight="1">
      <c r="A13" s="189"/>
      <c r="B13" s="25"/>
      <c r="C13" s="26"/>
      <c r="D13" s="21"/>
      <c r="E13" s="22"/>
      <c r="F13" s="55"/>
      <c r="G13" s="61"/>
      <c r="H13" s="25"/>
      <c r="I13" s="22"/>
    </row>
    <row r="14" spans="1:11" ht="14.4" customHeight="1">
      <c r="A14" s="190" t="s">
        <v>22</v>
      </c>
      <c r="B14" s="32">
        <v>138631</v>
      </c>
      <c r="C14" s="62">
        <v>23.2</v>
      </c>
      <c r="D14" s="31">
        <v>234693</v>
      </c>
      <c r="E14" s="54">
        <v>21</v>
      </c>
      <c r="F14" s="31">
        <v>137860</v>
      </c>
      <c r="G14" s="54">
        <v>23.3</v>
      </c>
      <c r="H14" s="32">
        <v>772</v>
      </c>
      <c r="I14" s="54">
        <v>0.8</v>
      </c>
    </row>
    <row r="15" spans="1:11" ht="14.4" customHeight="1">
      <c r="A15" s="189"/>
      <c r="B15" s="25"/>
      <c r="C15" s="26"/>
      <c r="D15" s="21"/>
      <c r="E15" s="22"/>
      <c r="F15" s="55"/>
      <c r="G15" s="61"/>
      <c r="H15" s="25"/>
      <c r="I15" s="22"/>
    </row>
    <row r="16" spans="1:11" ht="14.4" customHeight="1">
      <c r="A16" s="190" t="s">
        <v>23</v>
      </c>
      <c r="B16" s="32">
        <v>169192</v>
      </c>
      <c r="C16" s="62">
        <v>22</v>
      </c>
      <c r="D16" s="31">
        <v>294228</v>
      </c>
      <c r="E16" s="54">
        <v>25.4</v>
      </c>
      <c r="F16" s="31">
        <v>168414</v>
      </c>
      <c r="G16" s="54">
        <v>22.2</v>
      </c>
      <c r="H16" s="32">
        <v>778</v>
      </c>
      <c r="I16" s="54">
        <v>0.9</v>
      </c>
      <c r="K16" s="50"/>
    </row>
    <row r="17" spans="1:9" ht="14.4" customHeight="1">
      <c r="A17" s="189"/>
      <c r="B17" s="25"/>
      <c r="C17" s="26"/>
      <c r="D17" s="21"/>
      <c r="E17" s="22"/>
      <c r="F17" s="55"/>
      <c r="G17" s="61"/>
      <c r="H17" s="25"/>
      <c r="I17" s="22"/>
    </row>
    <row r="18" spans="1:9" ht="14.4" customHeight="1">
      <c r="A18" s="190" t="s">
        <v>40</v>
      </c>
      <c r="B18" s="32">
        <v>212497</v>
      </c>
      <c r="C18" s="54">
        <v>25.6</v>
      </c>
      <c r="D18" s="31">
        <v>364755</v>
      </c>
      <c r="E18" s="54">
        <v>24</v>
      </c>
      <c r="F18" s="31">
        <v>211720</v>
      </c>
      <c r="G18" s="54">
        <v>25.7</v>
      </c>
      <c r="H18" s="32">
        <v>778</v>
      </c>
      <c r="I18" s="56">
        <v>-0.1</v>
      </c>
    </row>
    <row r="19" spans="1:9" ht="14.4" customHeight="1" thickBot="1">
      <c r="A19" s="189"/>
      <c r="B19" s="51"/>
      <c r="C19" s="60"/>
      <c r="D19" s="33"/>
      <c r="E19" s="60"/>
      <c r="F19" s="52"/>
      <c r="G19" s="60"/>
      <c r="H19" s="33"/>
      <c r="I19" s="34"/>
    </row>
    <row r="20" spans="1:9" ht="14.4" customHeight="1">
      <c r="A20" s="184" t="s">
        <v>92</v>
      </c>
      <c r="B20" s="17">
        <v>19587</v>
      </c>
      <c r="C20" s="59">
        <v>23.2</v>
      </c>
      <c r="D20" s="19">
        <v>35881</v>
      </c>
      <c r="E20" s="59">
        <v>21.9</v>
      </c>
      <c r="F20" s="17">
        <v>19524</v>
      </c>
      <c r="G20" s="59">
        <v>23.3</v>
      </c>
      <c r="H20" s="17">
        <v>63</v>
      </c>
      <c r="I20" s="158">
        <v>-0.3</v>
      </c>
    </row>
    <row r="21" spans="1:9" ht="14.4" customHeight="1">
      <c r="A21" s="188"/>
      <c r="B21" s="21"/>
      <c r="C21" s="22"/>
      <c r="D21" s="25"/>
      <c r="E21" s="22"/>
      <c r="F21" s="55"/>
      <c r="G21" s="22"/>
      <c r="H21" s="21"/>
      <c r="I21" s="22"/>
    </row>
    <row r="22" spans="1:9" ht="14.4" customHeight="1">
      <c r="A22" s="191" t="s">
        <v>106</v>
      </c>
      <c r="B22" s="27">
        <v>18199</v>
      </c>
      <c r="C22" s="54">
        <v>20.9</v>
      </c>
      <c r="D22" s="37">
        <v>31265</v>
      </c>
      <c r="E22" s="54">
        <v>17.7</v>
      </c>
      <c r="F22" s="27">
        <v>18129</v>
      </c>
      <c r="G22" s="54">
        <v>21</v>
      </c>
      <c r="H22" s="27">
        <v>70</v>
      </c>
      <c r="I22" s="54">
        <v>0.2</v>
      </c>
    </row>
    <row r="23" spans="1:9" ht="14.4" customHeight="1">
      <c r="A23" s="192"/>
      <c r="B23" s="21"/>
      <c r="C23" s="22"/>
      <c r="D23" s="25"/>
      <c r="E23" s="22"/>
      <c r="F23" s="55"/>
      <c r="G23" s="22"/>
      <c r="H23" s="21"/>
      <c r="I23" s="22"/>
    </row>
    <row r="24" spans="1:9" ht="14.4" customHeight="1">
      <c r="A24" s="187" t="s">
        <v>26</v>
      </c>
      <c r="B24" s="31">
        <v>17688</v>
      </c>
      <c r="C24" s="54">
        <v>23.9</v>
      </c>
      <c r="D24" s="32">
        <v>29860</v>
      </c>
      <c r="E24" s="54">
        <v>22.1</v>
      </c>
      <c r="F24" s="31">
        <v>17629</v>
      </c>
      <c r="G24" s="54">
        <v>24</v>
      </c>
      <c r="H24" s="31">
        <v>59</v>
      </c>
      <c r="I24" s="56">
        <v>-1.4</v>
      </c>
    </row>
    <row r="25" spans="1:9" ht="14.4" customHeight="1">
      <c r="A25" s="188"/>
      <c r="B25" s="21"/>
      <c r="C25" s="58"/>
      <c r="D25" s="25"/>
      <c r="E25" s="58"/>
      <c r="F25" s="55"/>
      <c r="G25" s="58"/>
      <c r="H25" s="21"/>
      <c r="I25" s="58"/>
    </row>
    <row r="26" spans="1:9" ht="14.4" customHeight="1">
      <c r="A26" s="191" t="s">
        <v>93</v>
      </c>
      <c r="B26" s="27">
        <v>20265</v>
      </c>
      <c r="C26" s="54">
        <v>22.8</v>
      </c>
      <c r="D26" s="37">
        <v>36265</v>
      </c>
      <c r="E26" s="54">
        <v>24.7</v>
      </c>
      <c r="F26" s="27">
        <v>20200</v>
      </c>
      <c r="G26" s="54">
        <v>22.9</v>
      </c>
      <c r="H26" s="37">
        <v>65</v>
      </c>
      <c r="I26" s="54">
        <v>0.6</v>
      </c>
    </row>
    <row r="27" spans="1:9" ht="14.4" customHeight="1">
      <c r="A27" s="192"/>
      <c r="B27" s="27"/>
      <c r="C27" s="22"/>
      <c r="D27" s="37"/>
      <c r="E27" s="22"/>
      <c r="F27" s="57"/>
      <c r="G27" s="22"/>
      <c r="H27" s="37"/>
      <c r="I27" s="22"/>
    </row>
    <row r="28" spans="1:9" ht="14.4" customHeight="1">
      <c r="A28" s="191" t="s">
        <v>107</v>
      </c>
      <c r="B28" s="31">
        <v>18858</v>
      </c>
      <c r="C28" s="54">
        <v>25.4</v>
      </c>
      <c r="D28" s="32">
        <v>32122</v>
      </c>
      <c r="E28" s="54">
        <v>20.8</v>
      </c>
      <c r="F28" s="31">
        <v>18799</v>
      </c>
      <c r="G28" s="54">
        <v>25.5</v>
      </c>
      <c r="H28" s="32">
        <v>59</v>
      </c>
      <c r="I28" s="54">
        <v>0.1</v>
      </c>
    </row>
    <row r="29" spans="1:9" ht="14.4" customHeight="1">
      <c r="A29" s="192"/>
      <c r="B29" s="21"/>
      <c r="C29" s="22"/>
      <c r="D29" s="25"/>
      <c r="E29" s="22"/>
      <c r="F29" s="55"/>
      <c r="G29" s="22"/>
      <c r="H29" s="25"/>
      <c r="I29" s="22"/>
    </row>
    <row r="30" spans="1:9" ht="14.4" customHeight="1">
      <c r="A30" s="191" t="s">
        <v>30</v>
      </c>
      <c r="B30" s="31">
        <v>20256</v>
      </c>
      <c r="C30" s="54">
        <v>11.3</v>
      </c>
      <c r="D30" s="32">
        <v>32733</v>
      </c>
      <c r="E30" s="54">
        <v>10.199999999999999</v>
      </c>
      <c r="F30" s="31">
        <v>20185</v>
      </c>
      <c r="G30" s="54">
        <v>11.4</v>
      </c>
      <c r="H30" s="32">
        <v>72</v>
      </c>
      <c r="I30" s="56">
        <v>-1.8</v>
      </c>
    </row>
    <row r="31" spans="1:9" ht="14.4" customHeight="1">
      <c r="A31" s="192"/>
      <c r="B31" s="21"/>
      <c r="C31" s="22"/>
      <c r="D31" s="25"/>
      <c r="E31" s="22"/>
      <c r="F31" s="55"/>
      <c r="G31" s="22"/>
      <c r="H31" s="25"/>
      <c r="I31" s="22"/>
    </row>
    <row r="32" spans="1:9" ht="14.4" customHeight="1">
      <c r="A32" s="191" t="s">
        <v>39</v>
      </c>
      <c r="B32" s="31">
        <v>19477</v>
      </c>
      <c r="C32" s="54">
        <v>17.8</v>
      </c>
      <c r="D32" s="32">
        <v>33005</v>
      </c>
      <c r="E32" s="54">
        <v>15</v>
      </c>
      <c r="F32" s="31">
        <v>19415</v>
      </c>
      <c r="G32" s="54">
        <v>17.899999999999999</v>
      </c>
      <c r="H32" s="32">
        <v>62</v>
      </c>
      <c r="I32" s="56">
        <v>-0.7</v>
      </c>
    </row>
    <row r="33" spans="1:9" ht="14.4" customHeight="1">
      <c r="A33" s="192"/>
      <c r="B33" s="21"/>
      <c r="C33" s="58"/>
      <c r="D33" s="25"/>
      <c r="E33" s="58"/>
      <c r="F33" s="55"/>
      <c r="G33" s="58"/>
      <c r="H33" s="25"/>
      <c r="I33" s="58"/>
    </row>
    <row r="34" spans="1:9" ht="14.4" customHeight="1">
      <c r="A34" s="191" t="s">
        <v>38</v>
      </c>
      <c r="B34" s="31">
        <v>20643</v>
      </c>
      <c r="C34" s="54">
        <v>27.7</v>
      </c>
      <c r="D34" s="32">
        <v>35180</v>
      </c>
      <c r="E34" s="54">
        <v>27.8</v>
      </c>
      <c r="F34" s="31">
        <v>20576</v>
      </c>
      <c r="G34" s="54">
        <v>27.8</v>
      </c>
      <c r="H34" s="32">
        <v>67</v>
      </c>
      <c r="I34" s="54">
        <v>8.6</v>
      </c>
    </row>
    <row r="35" spans="1:9" ht="14.4" customHeight="1">
      <c r="A35" s="192"/>
      <c r="B35" s="27"/>
      <c r="C35" s="58"/>
      <c r="D35" s="37"/>
      <c r="E35" s="58"/>
      <c r="F35" s="57"/>
      <c r="G35" s="58"/>
      <c r="H35" s="37"/>
      <c r="I35" s="58"/>
    </row>
    <row r="36" spans="1:9" ht="14.4" customHeight="1">
      <c r="A36" s="191" t="s">
        <v>88</v>
      </c>
      <c r="B36" s="31">
        <v>20115</v>
      </c>
      <c r="C36" s="54">
        <v>12.5</v>
      </c>
      <c r="D36" s="32">
        <v>32994</v>
      </c>
      <c r="E36" s="54">
        <v>12.6</v>
      </c>
      <c r="F36" s="31">
        <v>20050</v>
      </c>
      <c r="G36" s="54">
        <v>12.6</v>
      </c>
      <c r="H36" s="32">
        <v>65</v>
      </c>
      <c r="I36" s="56">
        <v>-7.2</v>
      </c>
    </row>
    <row r="37" spans="1:9" ht="14.4" customHeight="1">
      <c r="A37" s="192"/>
      <c r="B37" s="27"/>
      <c r="C37" s="58"/>
      <c r="D37" s="37"/>
      <c r="E37" s="58"/>
      <c r="F37" s="57"/>
      <c r="G37" s="58"/>
      <c r="H37" s="37"/>
      <c r="I37" s="58"/>
    </row>
    <row r="38" spans="1:9" ht="14.4" customHeight="1">
      <c r="A38" s="191" t="s">
        <v>89</v>
      </c>
      <c r="B38" s="31">
        <v>19413</v>
      </c>
      <c r="C38" s="54">
        <v>12.8</v>
      </c>
      <c r="D38" s="32">
        <v>32684</v>
      </c>
      <c r="E38" s="54">
        <v>11.1</v>
      </c>
      <c r="F38" s="31">
        <v>19352</v>
      </c>
      <c r="G38" s="54">
        <v>12.9</v>
      </c>
      <c r="H38" s="32">
        <v>61</v>
      </c>
      <c r="I38" s="56">
        <v>-4.9000000000000004</v>
      </c>
    </row>
    <row r="39" spans="1:9" ht="14.4" customHeight="1">
      <c r="A39" s="192"/>
      <c r="B39" s="27"/>
      <c r="C39" s="58"/>
      <c r="D39" s="37"/>
      <c r="E39" s="58"/>
      <c r="F39" s="57"/>
      <c r="G39" s="58"/>
      <c r="H39" s="37"/>
      <c r="I39" s="58"/>
    </row>
    <row r="40" spans="1:9" ht="14.4" customHeight="1">
      <c r="A40" s="191" t="s">
        <v>90</v>
      </c>
      <c r="B40" s="31">
        <v>22474</v>
      </c>
      <c r="C40" s="54">
        <v>24.6</v>
      </c>
      <c r="D40" s="32">
        <v>37717</v>
      </c>
      <c r="E40" s="54">
        <v>25.2</v>
      </c>
      <c r="F40" s="31">
        <v>22405</v>
      </c>
      <c r="G40" s="54">
        <v>24.7</v>
      </c>
      <c r="H40" s="32">
        <v>69</v>
      </c>
      <c r="I40" s="54">
        <v>3.2</v>
      </c>
    </row>
    <row r="41" spans="1:9" ht="14.4" customHeight="1">
      <c r="A41" s="192"/>
      <c r="B41" s="27"/>
      <c r="C41" s="22"/>
      <c r="D41" s="37"/>
      <c r="E41" s="22"/>
      <c r="F41" s="57"/>
      <c r="G41" s="22"/>
      <c r="H41" s="37"/>
      <c r="I41" s="22"/>
    </row>
    <row r="42" spans="1:9" ht="14.4" customHeight="1">
      <c r="A42" s="191" t="s">
        <v>94</v>
      </c>
      <c r="B42" s="31">
        <v>21275</v>
      </c>
      <c r="C42" s="54">
        <v>20.2</v>
      </c>
      <c r="D42" s="32">
        <v>36214</v>
      </c>
      <c r="E42" s="54">
        <v>20.399999999999999</v>
      </c>
      <c r="F42" s="31">
        <v>21210</v>
      </c>
      <c r="G42" s="54">
        <v>20.3</v>
      </c>
      <c r="H42" s="32">
        <v>64</v>
      </c>
      <c r="I42" s="56">
        <v>0.5</v>
      </c>
    </row>
    <row r="43" spans="1:9" ht="14.4" customHeight="1">
      <c r="A43" s="192"/>
      <c r="B43" s="21"/>
      <c r="C43" s="22"/>
      <c r="D43" s="25"/>
      <c r="E43" s="22"/>
      <c r="F43" s="55"/>
      <c r="G43" s="22"/>
      <c r="H43" s="25"/>
      <c r="I43" s="22"/>
    </row>
    <row r="44" spans="1:9" ht="14.4" customHeight="1">
      <c r="A44" s="187" t="s">
        <v>108</v>
      </c>
      <c r="B44" s="31">
        <v>22550</v>
      </c>
      <c r="C44" s="54">
        <v>15.1</v>
      </c>
      <c r="D44" s="32">
        <v>41614</v>
      </c>
      <c r="E44" s="54">
        <v>16</v>
      </c>
      <c r="F44" s="31">
        <v>22488</v>
      </c>
      <c r="G44" s="54">
        <v>15.2</v>
      </c>
      <c r="H44" s="32">
        <v>61</v>
      </c>
      <c r="I44" s="53">
        <v>-2.2000000000000002</v>
      </c>
    </row>
    <row r="45" spans="1:9" ht="14.4" customHeight="1" thickBot="1">
      <c r="A45" s="186"/>
      <c r="B45" s="33"/>
      <c r="C45" s="34"/>
      <c r="D45" s="51"/>
      <c r="E45" s="34"/>
      <c r="F45" s="52"/>
      <c r="G45" s="34"/>
      <c r="H45" s="51"/>
      <c r="I45" s="34"/>
    </row>
    <row r="46" spans="1:9">
      <c r="A46" s="43" t="s">
        <v>37</v>
      </c>
    </row>
    <row r="47" spans="1:9">
      <c r="A47" s="43" t="s">
        <v>36</v>
      </c>
    </row>
    <row r="48" spans="1:9">
      <c r="A48" s="43" t="s">
        <v>35</v>
      </c>
    </row>
  </sheetData>
  <sheetProtection formatCells="0" formatColumns="0" formatRows="0"/>
  <mergeCells count="22">
    <mergeCell ref="A38:A39"/>
    <mergeCell ref="A40:A41"/>
    <mergeCell ref="A42:A43"/>
    <mergeCell ref="A44:A45"/>
    <mergeCell ref="A26:A27"/>
    <mergeCell ref="A28:A29"/>
    <mergeCell ref="A30:A31"/>
    <mergeCell ref="A32:A33"/>
    <mergeCell ref="A34:A35"/>
    <mergeCell ref="A36:A37"/>
    <mergeCell ref="A14:A15"/>
    <mergeCell ref="A16:A17"/>
    <mergeCell ref="A18:A19"/>
    <mergeCell ref="A20:A21"/>
    <mergeCell ref="A22:A23"/>
    <mergeCell ref="A24:A25"/>
    <mergeCell ref="F5:I5"/>
    <mergeCell ref="B6:E6"/>
    <mergeCell ref="F6:G8"/>
    <mergeCell ref="H6:I8"/>
    <mergeCell ref="A10:A11"/>
    <mergeCell ref="A12:A13"/>
  </mergeCells>
  <phoneticPr fontId="6"/>
  <conditionalFormatting sqref="A20">
    <cfRule type="cellIs" dxfId="7" priority="4" operator="between">
      <formula>43586</formula>
      <formula>43830</formula>
    </cfRule>
  </conditionalFormatting>
  <conditionalFormatting sqref="A22">
    <cfRule type="cellIs" dxfId="6" priority="5" operator="between">
      <formula>43586</formula>
      <formula>43830</formula>
    </cfRule>
  </conditionalFormatting>
  <conditionalFormatting sqref="A24">
    <cfRule type="cellIs" dxfId="5" priority="7" operator="between">
      <formula>43586</formula>
      <formula>43830</formula>
    </cfRule>
  </conditionalFormatting>
  <conditionalFormatting sqref="A26 A36 A38">
    <cfRule type="cellIs" dxfId="4" priority="1" operator="between">
      <formula>43586</formula>
      <formula>43830</formula>
    </cfRule>
  </conditionalFormatting>
  <conditionalFormatting sqref="A28 A30 A32 A34">
    <cfRule type="cellIs" dxfId="3" priority="2" operator="between">
      <formula>43586</formula>
      <formula>43830</formula>
    </cfRule>
  </conditionalFormatting>
  <conditionalFormatting sqref="A40 A42">
    <cfRule type="cellIs" dxfId="2" priority="3" operator="between">
      <formula>43586</formula>
      <formula>43830</formula>
    </cfRule>
  </conditionalFormatting>
  <conditionalFormatting sqref="A44">
    <cfRule type="cellIs" dxfId="1" priority="6" operator="between">
      <formula>43586</formula>
      <formula>43830</formula>
    </cfRule>
  </conditionalFormatting>
  <printOptions horizontalCentered="1" gridLinesSet="0"/>
  <pageMargins left="1.1811023622047245" right="0.31496062992125984" top="0.74803149606299213" bottom="0.78740157480314965" header="0.23622047244094491" footer="0.31496062992125984"/>
  <pageSetup paperSize="9" scale="75" orientation="portrait" r:id="rId1"/>
  <headerFooter alignWithMargins="0">
    <oddFooter>&amp;C&amp;"ＭＳ 明朝,標準"&amp;14 &amp;"ＭＳ ゴシック,標準"２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B66C3FF-52BF-4B28-9230-462AD1B96426}">
  <sheetPr>
    <pageSetUpPr fitToPage="1"/>
  </sheetPr>
  <dimension ref="A2:Q123"/>
  <sheetViews>
    <sheetView windowProtection="1" showGridLines="0" zoomScale="75" zoomScaleNormal="75" zoomScaleSheetLayoutView="75" zoomScalePageLayoutView="70" workbookViewId="0">
      <selection activeCell="G62" sqref="G62"/>
    </sheetView>
  </sheetViews>
  <sheetFormatPr defaultColWidth="9" defaultRowHeight="13.2"/>
  <cols>
    <col min="1" max="1" width="12.6640625" style="43" customWidth="1"/>
    <col min="2" max="2" width="12.33203125" style="43" customWidth="1"/>
    <col min="3" max="3" width="10.33203125" style="43" customWidth="1"/>
    <col min="4" max="4" width="14.21875" style="43" customWidth="1"/>
    <col min="5" max="5" width="11" style="43" customWidth="1"/>
    <col min="6" max="6" width="10.33203125" style="43" customWidth="1"/>
    <col min="7" max="7" width="10.33203125" style="45" customWidth="1"/>
    <col min="8" max="10" width="12.33203125" style="43" customWidth="1"/>
    <col min="11" max="11" width="10.33203125" style="43" customWidth="1"/>
    <col min="12" max="12" width="12.33203125" style="43" customWidth="1"/>
    <col min="13" max="13" width="10.33203125" style="43" customWidth="1"/>
    <col min="14" max="14" width="12.33203125" style="43" customWidth="1"/>
    <col min="15" max="15" width="10.33203125" style="43" customWidth="1"/>
    <col min="16" max="16384" width="9" style="43"/>
  </cols>
  <sheetData>
    <row r="2" spans="1:15" ht="24" customHeight="1">
      <c r="A2" s="46"/>
    </row>
    <row r="3" spans="1:15" ht="13.8" thickBot="1">
      <c r="A3" s="10" t="s">
        <v>45</v>
      </c>
      <c r="B3" s="10"/>
      <c r="C3" s="10"/>
      <c r="D3" s="10"/>
      <c r="E3" s="10"/>
      <c r="F3" s="10"/>
      <c r="G3" s="47"/>
      <c r="H3" s="10"/>
      <c r="I3" s="10"/>
      <c r="J3" s="10"/>
      <c r="K3" s="10"/>
      <c r="L3" s="10"/>
      <c r="M3" s="10" t="s">
        <v>0</v>
      </c>
      <c r="N3" s="10"/>
      <c r="O3" s="10"/>
    </row>
    <row r="4" spans="1:15" ht="15" customHeight="1" thickBot="1">
      <c r="A4" s="69"/>
      <c r="B4" s="2"/>
      <c r="C4" s="2"/>
      <c r="D4" s="2"/>
      <c r="E4" s="2"/>
      <c r="F4" s="2"/>
      <c r="G4" s="3"/>
      <c r="H4" s="2"/>
      <c r="I4" s="2"/>
      <c r="J4" s="2"/>
      <c r="K4" s="2"/>
      <c r="L4" s="2"/>
      <c r="M4" s="2"/>
      <c r="N4" s="2"/>
      <c r="O4" s="4"/>
    </row>
    <row r="5" spans="1:15" s="48" customFormat="1" ht="18" customHeight="1" thickBot="1">
      <c r="A5" s="68"/>
      <c r="B5" s="6"/>
      <c r="C5" s="6"/>
      <c r="D5" s="6"/>
      <c r="E5" s="6"/>
      <c r="F5" s="193" t="s">
        <v>7</v>
      </c>
      <c r="G5" s="194"/>
      <c r="H5" s="194"/>
      <c r="I5" s="194"/>
      <c r="J5" s="194"/>
      <c r="K5" s="194"/>
      <c r="L5" s="194"/>
      <c r="M5" s="194"/>
      <c r="N5" s="194"/>
      <c r="O5" s="195"/>
    </row>
    <row r="6" spans="1:15" ht="15" customHeight="1">
      <c r="A6" s="66" t="s">
        <v>1</v>
      </c>
      <c r="B6" s="163" t="s">
        <v>9</v>
      </c>
      <c r="C6" s="196"/>
      <c r="D6" s="196"/>
      <c r="E6" s="196"/>
      <c r="F6" s="197" t="s">
        <v>8</v>
      </c>
      <c r="G6" s="198"/>
      <c r="H6" s="197" t="s">
        <v>12</v>
      </c>
      <c r="I6" s="203"/>
      <c r="J6" s="206" t="s">
        <v>10</v>
      </c>
      <c r="K6" s="207"/>
      <c r="L6" s="197" t="s">
        <v>13</v>
      </c>
      <c r="M6" s="203"/>
      <c r="N6" s="210" t="s">
        <v>11</v>
      </c>
      <c r="O6" s="211"/>
    </row>
    <row r="7" spans="1:15" ht="15" customHeight="1">
      <c r="A7" s="67" t="s">
        <v>2</v>
      </c>
      <c r="B7" s="10"/>
      <c r="C7" s="10"/>
      <c r="D7" s="10"/>
      <c r="E7" s="10"/>
      <c r="F7" s="199"/>
      <c r="G7" s="200"/>
      <c r="H7" s="199"/>
      <c r="I7" s="204"/>
      <c r="J7" s="208"/>
      <c r="K7" s="200"/>
      <c r="L7" s="199"/>
      <c r="M7" s="204"/>
      <c r="N7" s="212"/>
      <c r="O7" s="213"/>
    </row>
    <row r="8" spans="1:15" ht="15" customHeight="1" thickBot="1">
      <c r="A8" s="66" t="s">
        <v>3</v>
      </c>
      <c r="B8" s="75"/>
      <c r="C8" s="75"/>
      <c r="D8" s="75"/>
      <c r="E8" s="75"/>
      <c r="F8" s="201"/>
      <c r="G8" s="202"/>
      <c r="H8" s="201"/>
      <c r="I8" s="205"/>
      <c r="J8" s="209"/>
      <c r="K8" s="202"/>
      <c r="L8" s="201"/>
      <c r="M8" s="205"/>
      <c r="N8" s="214"/>
      <c r="O8" s="215"/>
    </row>
    <row r="9" spans="1:15" s="49" customFormat="1" ht="15" customHeight="1" thickBot="1">
      <c r="A9" s="65"/>
      <c r="B9" s="70" t="s">
        <v>4</v>
      </c>
      <c r="C9" s="74" t="s">
        <v>5</v>
      </c>
      <c r="D9" s="12" t="s">
        <v>6</v>
      </c>
      <c r="E9" s="14" t="s">
        <v>5</v>
      </c>
      <c r="F9" s="70" t="s">
        <v>4</v>
      </c>
      <c r="G9" s="73" t="s">
        <v>5</v>
      </c>
      <c r="H9" s="72" t="s">
        <v>4</v>
      </c>
      <c r="I9" s="71" t="s">
        <v>5</v>
      </c>
      <c r="J9" s="12" t="s">
        <v>4</v>
      </c>
      <c r="K9" s="14" t="s">
        <v>5</v>
      </c>
      <c r="L9" s="72" t="s">
        <v>4</v>
      </c>
      <c r="M9" s="71" t="s">
        <v>5</v>
      </c>
      <c r="N9" s="70" t="s">
        <v>4</v>
      </c>
      <c r="O9" s="14" t="s">
        <v>5</v>
      </c>
    </row>
    <row r="10" spans="1:15">
      <c r="A10" s="177" t="s">
        <v>20</v>
      </c>
      <c r="B10" s="17">
        <v>1507656</v>
      </c>
      <c r="C10" s="18">
        <v>1</v>
      </c>
      <c r="D10" s="17">
        <v>29522350</v>
      </c>
      <c r="E10" s="18">
        <v>0</v>
      </c>
      <c r="F10" s="17">
        <v>9</v>
      </c>
      <c r="G10" s="18">
        <v>-1.6</v>
      </c>
      <c r="H10" s="17">
        <v>1216261</v>
      </c>
      <c r="I10" s="18">
        <v>1.6</v>
      </c>
      <c r="J10" s="37">
        <v>251857</v>
      </c>
      <c r="K10" s="20">
        <v>-1.4</v>
      </c>
      <c r="L10" s="17">
        <v>1144</v>
      </c>
      <c r="M10" s="18">
        <v>-8.3000000000000007</v>
      </c>
      <c r="N10" s="17">
        <v>38385</v>
      </c>
      <c r="O10" s="18">
        <v>-0.50098949254695468</v>
      </c>
    </row>
    <row r="11" spans="1:15">
      <c r="A11" s="178"/>
      <c r="B11" s="21"/>
      <c r="C11" s="22"/>
      <c r="D11" s="21"/>
      <c r="E11" s="22"/>
      <c r="F11" s="21"/>
      <c r="G11" s="22"/>
      <c r="H11" s="23">
        <v>212665</v>
      </c>
      <c r="I11" s="24">
        <v>0</v>
      </c>
      <c r="J11" s="25"/>
      <c r="K11" s="26"/>
      <c r="L11" s="21"/>
      <c r="M11" s="22"/>
      <c r="N11" s="21"/>
      <c r="O11" s="22"/>
    </row>
    <row r="12" spans="1:15" ht="12.75" customHeight="1">
      <c r="A12" s="178"/>
      <c r="B12" s="27">
        <v>2479</v>
      </c>
      <c r="C12" s="28">
        <v>-0.1</v>
      </c>
      <c r="D12" s="27">
        <v>20533161</v>
      </c>
      <c r="E12" s="28">
        <v>-0.6</v>
      </c>
      <c r="F12" s="27">
        <v>0</v>
      </c>
      <c r="G12" s="28">
        <v>0</v>
      </c>
      <c r="H12" s="27">
        <v>2383</v>
      </c>
      <c r="I12" s="28">
        <v>0</v>
      </c>
      <c r="J12" s="180"/>
      <c r="K12" s="182"/>
      <c r="L12" s="27">
        <v>1</v>
      </c>
      <c r="M12" s="28">
        <v>-21.2</v>
      </c>
      <c r="N12" s="27">
        <v>96</v>
      </c>
      <c r="O12" s="28">
        <v>-0.2063854404452922</v>
      </c>
    </row>
    <row r="13" spans="1:15">
      <c r="A13" s="178"/>
      <c r="B13" s="21"/>
      <c r="C13" s="22"/>
      <c r="D13" s="21"/>
      <c r="E13" s="22"/>
      <c r="F13" s="21"/>
      <c r="G13" s="22"/>
      <c r="H13" s="29">
        <v>296</v>
      </c>
      <c r="I13" s="30">
        <v>16.899999999999999</v>
      </c>
      <c r="J13" s="181"/>
      <c r="K13" s="183"/>
      <c r="L13" s="21"/>
      <c r="M13" s="22"/>
      <c r="N13" s="21"/>
      <c r="O13" s="22"/>
    </row>
    <row r="14" spans="1:15">
      <c r="A14" s="178"/>
      <c r="B14" s="31">
        <v>1505177</v>
      </c>
      <c r="C14" s="28">
        <v>1</v>
      </c>
      <c r="D14" s="31">
        <v>8989189</v>
      </c>
      <c r="E14" s="28">
        <v>1.5</v>
      </c>
      <c r="F14" s="31">
        <v>9</v>
      </c>
      <c r="G14" s="28">
        <v>-1.6</v>
      </c>
      <c r="H14" s="31">
        <v>1213879</v>
      </c>
      <c r="I14" s="28">
        <v>1.6</v>
      </c>
      <c r="J14" s="32">
        <v>251857</v>
      </c>
      <c r="K14" s="20">
        <v>-1.4</v>
      </c>
      <c r="L14" s="31">
        <v>1143</v>
      </c>
      <c r="M14" s="28">
        <v>-8.3000000000000007</v>
      </c>
      <c r="N14" s="31">
        <v>38289</v>
      </c>
      <c r="O14" s="28">
        <v>-0.5017239525327194</v>
      </c>
    </row>
    <row r="15" spans="1:15" ht="13.8" thickBot="1">
      <c r="A15" s="179"/>
      <c r="B15" s="33"/>
      <c r="C15" s="34"/>
      <c r="D15" s="33"/>
      <c r="E15" s="34"/>
      <c r="F15" s="33"/>
      <c r="G15" s="34"/>
      <c r="H15" s="35">
        <v>212368</v>
      </c>
      <c r="I15" s="36">
        <v>0</v>
      </c>
      <c r="J15" s="37"/>
      <c r="K15" s="34"/>
      <c r="L15" s="33"/>
      <c r="M15" s="34"/>
      <c r="N15" s="33"/>
      <c r="O15" s="34"/>
    </row>
    <row r="16" spans="1:15">
      <c r="A16" s="177" t="s">
        <v>21</v>
      </c>
      <c r="B16" s="17">
        <v>1553118</v>
      </c>
      <c r="C16" s="18">
        <v>3</v>
      </c>
      <c r="D16" s="17">
        <v>30236892</v>
      </c>
      <c r="E16" s="18">
        <v>2.4</v>
      </c>
      <c r="F16" s="17">
        <v>8</v>
      </c>
      <c r="G16" s="18">
        <v>-1.9</v>
      </c>
      <c r="H16" s="17">
        <v>1256098</v>
      </c>
      <c r="I16" s="18">
        <v>3.3</v>
      </c>
      <c r="J16" s="19">
        <v>254617</v>
      </c>
      <c r="K16" s="20">
        <v>1.1000000000000001</v>
      </c>
      <c r="L16" s="17">
        <v>1050</v>
      </c>
      <c r="M16" s="18">
        <v>-8.1999999999999993</v>
      </c>
      <c r="N16" s="17">
        <v>41344</v>
      </c>
      <c r="O16" s="18">
        <v>7.7089802510299439</v>
      </c>
    </row>
    <row r="17" spans="1:17">
      <c r="A17" s="178"/>
      <c r="B17" s="21"/>
      <c r="C17" s="22"/>
      <c r="D17" s="21"/>
      <c r="E17" s="22"/>
      <c r="F17" s="21"/>
      <c r="G17" s="22"/>
      <c r="H17" s="23">
        <v>220578</v>
      </c>
      <c r="I17" s="24">
        <v>3.7</v>
      </c>
      <c r="J17" s="25"/>
      <c r="K17" s="26"/>
      <c r="L17" s="21"/>
      <c r="M17" s="22"/>
      <c r="N17" s="21"/>
      <c r="O17" s="22"/>
    </row>
    <row r="18" spans="1:17" ht="12.75" customHeight="1">
      <c r="A18" s="178"/>
      <c r="B18" s="27">
        <v>2521</v>
      </c>
      <c r="C18" s="28">
        <v>1.7</v>
      </c>
      <c r="D18" s="27">
        <v>21068929</v>
      </c>
      <c r="E18" s="28">
        <v>2.6</v>
      </c>
      <c r="F18" s="27">
        <v>0</v>
      </c>
      <c r="G18" s="28">
        <v>8.3000000000000007</v>
      </c>
      <c r="H18" s="27">
        <v>2425</v>
      </c>
      <c r="I18" s="28">
        <v>1.8</v>
      </c>
      <c r="J18" s="180"/>
      <c r="K18" s="182"/>
      <c r="L18" s="27">
        <v>1</v>
      </c>
      <c r="M18" s="28">
        <v>-16.2</v>
      </c>
      <c r="N18" s="27">
        <v>95</v>
      </c>
      <c r="O18" s="28">
        <v>-0.91185410334346495</v>
      </c>
    </row>
    <row r="19" spans="1:17">
      <c r="A19" s="178"/>
      <c r="B19" s="21"/>
      <c r="C19" s="22"/>
      <c r="D19" s="21"/>
      <c r="E19" s="22"/>
      <c r="F19" s="21"/>
      <c r="G19" s="22"/>
      <c r="H19" s="29">
        <v>318</v>
      </c>
      <c r="I19" s="30">
        <v>7.3</v>
      </c>
      <c r="J19" s="181"/>
      <c r="K19" s="183"/>
      <c r="L19" s="21"/>
      <c r="M19" s="22"/>
      <c r="N19" s="21"/>
      <c r="O19" s="22"/>
    </row>
    <row r="20" spans="1:17">
      <c r="A20" s="178"/>
      <c r="B20" s="31">
        <v>1550597</v>
      </c>
      <c r="C20" s="28">
        <v>3</v>
      </c>
      <c r="D20" s="31">
        <v>9167963</v>
      </c>
      <c r="E20" s="28">
        <v>2</v>
      </c>
      <c r="F20" s="31">
        <v>8</v>
      </c>
      <c r="G20" s="28">
        <v>-1.9</v>
      </c>
      <c r="H20" s="31">
        <v>1253673</v>
      </c>
      <c r="I20" s="28">
        <v>3.3</v>
      </c>
      <c r="J20" s="32">
        <v>254617</v>
      </c>
      <c r="K20" s="20">
        <v>1.1000000000000001</v>
      </c>
      <c r="L20" s="31">
        <v>1050</v>
      </c>
      <c r="M20" s="28">
        <v>-8.1999999999999993</v>
      </c>
      <c r="N20" s="31">
        <v>41249</v>
      </c>
      <c r="O20" s="28">
        <v>7.730536139181007</v>
      </c>
    </row>
    <row r="21" spans="1:17" ht="13.8" thickBot="1">
      <c r="A21" s="179"/>
      <c r="B21" s="33"/>
      <c r="C21" s="34"/>
      <c r="D21" s="33"/>
      <c r="E21" s="34"/>
      <c r="F21" s="33"/>
      <c r="G21" s="34"/>
      <c r="H21" s="35">
        <v>220261</v>
      </c>
      <c r="I21" s="36">
        <v>3.7</v>
      </c>
      <c r="J21" s="37"/>
      <c r="K21" s="34"/>
      <c r="L21" s="33"/>
      <c r="M21" s="34"/>
      <c r="N21" s="33"/>
      <c r="O21" s="34"/>
    </row>
    <row r="22" spans="1:17">
      <c r="A22" s="177" t="s">
        <v>22</v>
      </c>
      <c r="B22" s="17">
        <v>1620934</v>
      </c>
      <c r="C22" s="18">
        <v>4.4000000000000004</v>
      </c>
      <c r="D22" s="17">
        <v>30232035</v>
      </c>
      <c r="E22" s="18">
        <v>0</v>
      </c>
      <c r="F22" s="17">
        <v>9</v>
      </c>
      <c r="G22" s="18">
        <v>3.1</v>
      </c>
      <c r="H22" s="17">
        <v>1315906</v>
      </c>
      <c r="I22" s="18">
        <v>4.8</v>
      </c>
      <c r="J22" s="19">
        <v>249101</v>
      </c>
      <c r="K22" s="20">
        <v>-2.2000000000000002</v>
      </c>
      <c r="L22" s="17">
        <v>834</v>
      </c>
      <c r="M22" s="18">
        <v>-20.6</v>
      </c>
      <c r="N22" s="17">
        <v>55084</v>
      </c>
      <c r="O22" s="18">
        <v>33.2352900484534</v>
      </c>
    </row>
    <row r="23" spans="1:17">
      <c r="A23" s="178"/>
      <c r="B23" s="21"/>
      <c r="C23" s="22"/>
      <c r="D23" s="21"/>
      <c r="E23" s="22"/>
      <c r="F23" s="21"/>
      <c r="G23" s="22"/>
      <c r="H23" s="23">
        <v>249546</v>
      </c>
      <c r="I23" s="24">
        <v>13.1</v>
      </c>
      <c r="J23" s="25"/>
      <c r="K23" s="26"/>
      <c r="L23" s="21"/>
      <c r="M23" s="22"/>
      <c r="N23" s="21"/>
      <c r="O23" s="22"/>
    </row>
    <row r="24" spans="1:17" ht="12.75" customHeight="1">
      <c r="A24" s="178"/>
      <c r="B24" s="27">
        <v>2427</v>
      </c>
      <c r="C24" s="28">
        <v>-3.7</v>
      </c>
      <c r="D24" s="27">
        <v>20890213</v>
      </c>
      <c r="E24" s="28">
        <v>-0.8</v>
      </c>
      <c r="F24" s="27">
        <v>0</v>
      </c>
      <c r="G24" s="28">
        <v>-15.4</v>
      </c>
      <c r="H24" s="27">
        <v>2336</v>
      </c>
      <c r="I24" s="28">
        <v>-3.7</v>
      </c>
      <c r="J24" s="180"/>
      <c r="K24" s="182"/>
      <c r="L24" s="27">
        <v>1</v>
      </c>
      <c r="M24" s="28">
        <v>-16.7</v>
      </c>
      <c r="N24" s="27">
        <v>90</v>
      </c>
      <c r="O24" s="28">
        <v>-5.2589969008917841</v>
      </c>
    </row>
    <row r="25" spans="1:17">
      <c r="A25" s="178"/>
      <c r="B25" s="21"/>
      <c r="C25" s="22"/>
      <c r="D25" s="21"/>
      <c r="E25" s="22"/>
      <c r="F25" s="21"/>
      <c r="G25" s="22"/>
      <c r="H25" s="29">
        <v>311</v>
      </c>
      <c r="I25" s="30">
        <v>-2.2000000000000002</v>
      </c>
      <c r="J25" s="181"/>
      <c r="K25" s="183"/>
      <c r="L25" s="21"/>
      <c r="M25" s="22"/>
      <c r="N25" s="21"/>
      <c r="O25" s="22"/>
    </row>
    <row r="26" spans="1:17">
      <c r="A26" s="178"/>
      <c r="B26" s="31">
        <v>1618507</v>
      </c>
      <c r="C26" s="28">
        <v>4.4000000000000004</v>
      </c>
      <c r="D26" s="31">
        <v>9341822</v>
      </c>
      <c r="E26" s="28">
        <v>1.9</v>
      </c>
      <c r="F26" s="31">
        <v>9</v>
      </c>
      <c r="G26" s="28">
        <v>3.2</v>
      </c>
      <c r="H26" s="31">
        <v>1313570</v>
      </c>
      <c r="I26" s="28">
        <v>4.8</v>
      </c>
      <c r="J26" s="32">
        <v>249101</v>
      </c>
      <c r="K26" s="20">
        <v>-2.2000000000000002</v>
      </c>
      <c r="L26" s="31">
        <v>833</v>
      </c>
      <c r="M26" s="28">
        <v>-20.7</v>
      </c>
      <c r="N26" s="31">
        <v>54994</v>
      </c>
      <c r="O26" s="28">
        <v>33.323821132349671</v>
      </c>
    </row>
    <row r="27" spans="1:17" ht="13.8" thickBot="1">
      <c r="A27" s="179"/>
      <c r="B27" s="33"/>
      <c r="C27" s="34"/>
      <c r="D27" s="33"/>
      <c r="E27" s="34"/>
      <c r="F27" s="33"/>
      <c r="G27" s="34"/>
      <c r="H27" s="35">
        <v>249235</v>
      </c>
      <c r="I27" s="36">
        <v>13.2</v>
      </c>
      <c r="J27" s="37"/>
      <c r="K27" s="34"/>
      <c r="L27" s="33"/>
      <c r="M27" s="34"/>
      <c r="N27" s="33"/>
      <c r="O27" s="34"/>
    </row>
    <row r="28" spans="1:17">
      <c r="A28" s="177" t="s">
        <v>23</v>
      </c>
      <c r="B28" s="17">
        <v>1650482</v>
      </c>
      <c r="C28" s="18">
        <v>1.8</v>
      </c>
      <c r="D28" s="17">
        <v>31782636</v>
      </c>
      <c r="E28" s="18">
        <v>5.0999999999999996</v>
      </c>
      <c r="F28" s="17">
        <v>9</v>
      </c>
      <c r="G28" s="18">
        <v>-0.5</v>
      </c>
      <c r="H28" s="17">
        <v>1347520</v>
      </c>
      <c r="I28" s="18">
        <v>2.4</v>
      </c>
      <c r="J28" s="19">
        <v>248943</v>
      </c>
      <c r="K28" s="20">
        <v>-0.1</v>
      </c>
      <c r="L28" s="17">
        <v>734</v>
      </c>
      <c r="M28" s="18">
        <v>-11.9</v>
      </c>
      <c r="N28" s="17">
        <v>53276</v>
      </c>
      <c r="O28" s="18">
        <v>-3.2835657563847023</v>
      </c>
      <c r="Q28" s="50"/>
    </row>
    <row r="29" spans="1:17">
      <c r="A29" s="178"/>
      <c r="B29" s="21"/>
      <c r="C29" s="22"/>
      <c r="D29" s="21"/>
      <c r="E29" s="22"/>
      <c r="F29" s="21"/>
      <c r="G29" s="22"/>
      <c r="H29" s="23">
        <v>226770</v>
      </c>
      <c r="I29" s="24">
        <v>-9.1</v>
      </c>
      <c r="J29" s="25"/>
      <c r="K29" s="26"/>
      <c r="L29" s="21"/>
      <c r="M29" s="22"/>
      <c r="N29" s="21"/>
      <c r="O29" s="22"/>
    </row>
    <row r="30" spans="1:17" ht="12.75" customHeight="1">
      <c r="A30" s="178"/>
      <c r="B30" s="27">
        <v>2533</v>
      </c>
      <c r="C30" s="28">
        <v>4.4000000000000004</v>
      </c>
      <c r="D30" s="27">
        <v>22314908</v>
      </c>
      <c r="E30" s="28">
        <v>6.8</v>
      </c>
      <c r="F30" s="27">
        <v>0</v>
      </c>
      <c r="G30" s="28">
        <v>-18.2</v>
      </c>
      <c r="H30" s="27">
        <v>2443</v>
      </c>
      <c r="I30" s="28">
        <v>4.5999999999999996</v>
      </c>
      <c r="J30" s="180"/>
      <c r="K30" s="182"/>
      <c r="L30" s="27">
        <v>0</v>
      </c>
      <c r="M30" s="28">
        <v>-14.6</v>
      </c>
      <c r="N30" s="27">
        <v>89</v>
      </c>
      <c r="O30" s="28">
        <v>-0.72321061005596543</v>
      </c>
    </row>
    <row r="31" spans="1:17">
      <c r="A31" s="178"/>
      <c r="B31" s="21"/>
      <c r="C31" s="22"/>
      <c r="D31" s="21"/>
      <c r="E31" s="22"/>
      <c r="F31" s="21"/>
      <c r="G31" s="22"/>
      <c r="H31" s="29">
        <v>332</v>
      </c>
      <c r="I31" s="30">
        <v>6.7</v>
      </c>
      <c r="J31" s="181"/>
      <c r="K31" s="183"/>
      <c r="L31" s="21"/>
      <c r="M31" s="22"/>
      <c r="N31" s="21"/>
      <c r="O31" s="22"/>
    </row>
    <row r="32" spans="1:17">
      <c r="A32" s="178"/>
      <c r="B32" s="31">
        <v>1647949</v>
      </c>
      <c r="C32" s="28">
        <v>1.8</v>
      </c>
      <c r="D32" s="31">
        <v>9467728</v>
      </c>
      <c r="E32" s="28">
        <v>1.3</v>
      </c>
      <c r="F32" s="31">
        <v>9</v>
      </c>
      <c r="G32" s="28">
        <v>-0.5</v>
      </c>
      <c r="H32" s="31">
        <v>1345077</v>
      </c>
      <c r="I32" s="28">
        <v>2.4</v>
      </c>
      <c r="J32" s="32">
        <v>248943</v>
      </c>
      <c r="K32" s="20">
        <v>-0.1</v>
      </c>
      <c r="L32" s="31">
        <v>734</v>
      </c>
      <c r="M32" s="28">
        <v>-11.9</v>
      </c>
      <c r="N32" s="31">
        <v>53186</v>
      </c>
      <c r="O32" s="28">
        <v>-3.2877501250262591</v>
      </c>
      <c r="Q32" s="50"/>
    </row>
    <row r="33" spans="1:15" ht="13.8" thickBot="1">
      <c r="A33" s="179"/>
      <c r="B33" s="33"/>
      <c r="C33" s="34"/>
      <c r="D33" s="33"/>
      <c r="E33" s="34"/>
      <c r="F33" s="33"/>
      <c r="G33" s="34"/>
      <c r="H33" s="35">
        <v>226438</v>
      </c>
      <c r="I33" s="36">
        <v>-9.1</v>
      </c>
      <c r="J33" s="37"/>
      <c r="K33" s="34"/>
      <c r="L33" s="33"/>
      <c r="M33" s="34"/>
      <c r="N33" s="33"/>
      <c r="O33" s="34"/>
    </row>
    <row r="34" spans="1:15">
      <c r="A34" s="177" t="s">
        <v>27</v>
      </c>
      <c r="B34" s="17">
        <v>1774678</v>
      </c>
      <c r="C34" s="18">
        <v>7.5</v>
      </c>
      <c r="D34" s="17">
        <v>34843686</v>
      </c>
      <c r="E34" s="18">
        <v>9.6</v>
      </c>
      <c r="F34" s="17">
        <v>8</v>
      </c>
      <c r="G34" s="18">
        <v>-10.199999999999999</v>
      </c>
      <c r="H34" s="17">
        <v>1462658</v>
      </c>
      <c r="I34" s="18">
        <v>8.5</v>
      </c>
      <c r="J34" s="19">
        <v>259082</v>
      </c>
      <c r="K34" s="20">
        <v>4.0999999999999996</v>
      </c>
      <c r="L34" s="17">
        <v>395</v>
      </c>
      <c r="M34" s="18">
        <v>-46.1</v>
      </c>
      <c r="N34" s="17">
        <v>52535</v>
      </c>
      <c r="O34" s="18">
        <v>-1.3897320412795398</v>
      </c>
    </row>
    <row r="35" spans="1:15">
      <c r="A35" s="178"/>
      <c r="B35" s="21"/>
      <c r="C35" s="22"/>
      <c r="D35" s="21"/>
      <c r="E35" s="22"/>
      <c r="F35" s="21"/>
      <c r="G35" s="22"/>
      <c r="H35" s="38">
        <v>228089</v>
      </c>
      <c r="I35" s="24">
        <v>0.6</v>
      </c>
      <c r="J35" s="25"/>
      <c r="K35" s="26"/>
      <c r="L35" s="21"/>
      <c r="M35" s="22"/>
      <c r="N35" s="21"/>
      <c r="O35" s="22"/>
    </row>
    <row r="36" spans="1:15">
      <c r="A36" s="178"/>
      <c r="B36" s="27">
        <v>2672</v>
      </c>
      <c r="C36" s="28">
        <v>5.5</v>
      </c>
      <c r="D36" s="27">
        <v>24891402</v>
      </c>
      <c r="E36" s="28">
        <v>11.5</v>
      </c>
      <c r="F36" s="27">
        <v>0</v>
      </c>
      <c r="G36" s="28">
        <v>-22.2</v>
      </c>
      <c r="H36" s="31">
        <v>2583</v>
      </c>
      <c r="I36" s="28">
        <v>5.7</v>
      </c>
      <c r="J36" s="180"/>
      <c r="K36" s="182"/>
      <c r="L36" s="39">
        <v>0</v>
      </c>
      <c r="M36" s="28">
        <v>-45.2</v>
      </c>
      <c r="N36" s="39">
        <v>89</v>
      </c>
      <c r="O36" s="28">
        <v>-0.35191141694778488</v>
      </c>
    </row>
    <row r="37" spans="1:15">
      <c r="A37" s="178"/>
      <c r="B37" s="21"/>
      <c r="C37" s="22"/>
      <c r="D37" s="21"/>
      <c r="E37" s="22"/>
      <c r="F37" s="21"/>
      <c r="G37" s="22"/>
      <c r="H37" s="40">
        <v>353</v>
      </c>
      <c r="I37" s="30">
        <v>6.5</v>
      </c>
      <c r="J37" s="181"/>
      <c r="K37" s="183"/>
      <c r="L37" s="21"/>
      <c r="M37" s="22"/>
      <c r="N37" s="21"/>
      <c r="O37" s="22"/>
    </row>
    <row r="38" spans="1:15">
      <c r="A38" s="178"/>
      <c r="B38" s="31">
        <v>1772005</v>
      </c>
      <c r="C38" s="28">
        <v>7.5</v>
      </c>
      <c r="D38" s="31">
        <v>9952284</v>
      </c>
      <c r="E38" s="28">
        <v>5.0999999999999996</v>
      </c>
      <c r="F38" s="31">
        <v>8</v>
      </c>
      <c r="G38" s="28">
        <v>-10.1</v>
      </c>
      <c r="H38" s="31">
        <v>1460074</v>
      </c>
      <c r="I38" s="28">
        <v>8.5</v>
      </c>
      <c r="J38" s="32">
        <v>259082</v>
      </c>
      <c r="K38" s="20">
        <v>4.0999999999999996</v>
      </c>
      <c r="L38" s="31">
        <v>395</v>
      </c>
      <c r="M38" s="28">
        <v>-46.1</v>
      </c>
      <c r="N38" s="31">
        <v>52446</v>
      </c>
      <c r="O38" s="28">
        <v>-1.3914731194179892</v>
      </c>
    </row>
    <row r="39" spans="1:15" ht="13.8" thickBot="1">
      <c r="A39" s="179"/>
      <c r="B39" s="33"/>
      <c r="C39" s="34"/>
      <c r="D39" s="33"/>
      <c r="E39" s="34"/>
      <c r="F39" s="33"/>
      <c r="G39" s="34"/>
      <c r="H39" s="35">
        <v>227736</v>
      </c>
      <c r="I39" s="36">
        <v>0.6</v>
      </c>
      <c r="J39" s="37"/>
      <c r="K39" s="34"/>
      <c r="L39" s="33"/>
      <c r="M39" s="34"/>
      <c r="N39" s="33"/>
      <c r="O39" s="34"/>
    </row>
    <row r="40" spans="1:15" ht="12.75" customHeight="1">
      <c r="A40" s="184" t="s">
        <v>24</v>
      </c>
      <c r="B40" s="17">
        <v>172451</v>
      </c>
      <c r="C40" s="18">
        <v>7.9</v>
      </c>
      <c r="D40" s="17">
        <v>3084806</v>
      </c>
      <c r="E40" s="18">
        <v>7.5</v>
      </c>
      <c r="F40" s="17">
        <v>1</v>
      </c>
      <c r="G40" s="18">
        <v>-5.5</v>
      </c>
      <c r="H40" s="17">
        <v>135604</v>
      </c>
      <c r="I40" s="18">
        <v>8.6</v>
      </c>
      <c r="J40" s="19">
        <v>31561</v>
      </c>
      <c r="K40" s="20">
        <v>5.4</v>
      </c>
      <c r="L40" s="17">
        <v>4</v>
      </c>
      <c r="M40" s="18">
        <v>-93.1</v>
      </c>
      <c r="N40" s="17">
        <v>5282</v>
      </c>
      <c r="O40" s="18">
        <v>5.4949719224222333</v>
      </c>
    </row>
    <row r="41" spans="1:15" ht="12.75" customHeight="1">
      <c r="A41" s="185"/>
      <c r="B41" s="21"/>
      <c r="C41" s="22"/>
      <c r="D41" s="21"/>
      <c r="E41" s="22"/>
      <c r="F41" s="21"/>
      <c r="G41" s="22"/>
      <c r="H41" s="23">
        <v>23671</v>
      </c>
      <c r="I41" s="24">
        <v>1.8</v>
      </c>
      <c r="J41" s="25"/>
      <c r="K41" s="26"/>
      <c r="L41" s="21"/>
      <c r="M41" s="22"/>
      <c r="N41" s="21"/>
      <c r="O41" s="22"/>
    </row>
    <row r="42" spans="1:15" ht="12.75" customHeight="1">
      <c r="A42" s="185"/>
      <c r="B42" s="27">
        <v>235</v>
      </c>
      <c r="C42" s="28">
        <v>5</v>
      </c>
      <c r="D42" s="27">
        <v>2191047</v>
      </c>
      <c r="E42" s="28">
        <v>9.3000000000000007</v>
      </c>
      <c r="F42" s="27">
        <v>0</v>
      </c>
      <c r="G42" s="28">
        <v>0</v>
      </c>
      <c r="H42" s="31">
        <v>226</v>
      </c>
      <c r="I42" s="28">
        <v>5</v>
      </c>
      <c r="J42" s="180"/>
      <c r="K42" s="182"/>
      <c r="L42" s="39">
        <v>0</v>
      </c>
      <c r="M42" s="28">
        <v>-71.900000000000006</v>
      </c>
      <c r="N42" s="31">
        <v>8</v>
      </c>
      <c r="O42" s="28">
        <v>3.3090024330900238</v>
      </c>
    </row>
    <row r="43" spans="1:15" ht="12.75" customHeight="1">
      <c r="A43" s="185"/>
      <c r="B43" s="21"/>
      <c r="C43" s="22"/>
      <c r="D43" s="21"/>
      <c r="E43" s="22"/>
      <c r="F43" s="21"/>
      <c r="G43" s="22"/>
      <c r="H43" s="40">
        <v>30</v>
      </c>
      <c r="I43" s="30">
        <v>3.6</v>
      </c>
      <c r="J43" s="181"/>
      <c r="K43" s="183"/>
      <c r="L43" s="21"/>
      <c r="M43" s="22"/>
      <c r="N43" s="21"/>
      <c r="O43" s="22"/>
    </row>
    <row r="44" spans="1:15" ht="12.75" customHeight="1">
      <c r="A44" s="185"/>
      <c r="B44" s="31">
        <v>172216</v>
      </c>
      <c r="C44" s="28">
        <v>7.9</v>
      </c>
      <c r="D44" s="31">
        <v>893759</v>
      </c>
      <c r="E44" s="28">
        <v>3.4</v>
      </c>
      <c r="F44" s="31">
        <v>1</v>
      </c>
      <c r="G44" s="28">
        <v>-5.5</v>
      </c>
      <c r="H44" s="31">
        <v>135378</v>
      </c>
      <c r="I44" s="28">
        <v>8.6</v>
      </c>
      <c r="J44" s="32">
        <v>31561</v>
      </c>
      <c r="K44" s="20">
        <v>5.4</v>
      </c>
      <c r="L44" s="31">
        <v>4</v>
      </c>
      <c r="M44" s="28">
        <v>-93.1</v>
      </c>
      <c r="N44" s="31">
        <v>5273</v>
      </c>
      <c r="O44" s="28">
        <v>5.4985669030019615</v>
      </c>
    </row>
    <row r="45" spans="1:15" ht="12.75" customHeight="1" thickBot="1">
      <c r="A45" s="186"/>
      <c r="B45" s="33"/>
      <c r="C45" s="34"/>
      <c r="D45" s="33"/>
      <c r="E45" s="34"/>
      <c r="F45" s="33"/>
      <c r="G45" s="34"/>
      <c r="H45" s="35">
        <v>23641</v>
      </c>
      <c r="I45" s="36">
        <v>1.8</v>
      </c>
      <c r="J45" s="37"/>
      <c r="K45" s="34"/>
      <c r="L45" s="33"/>
      <c r="M45" s="34"/>
      <c r="N45" s="33"/>
      <c r="O45" s="34"/>
    </row>
    <row r="46" spans="1:15" ht="12.75" customHeight="1">
      <c r="A46" s="184" t="s">
        <v>25</v>
      </c>
      <c r="B46" s="17">
        <v>141116</v>
      </c>
      <c r="C46" s="18">
        <v>7</v>
      </c>
      <c r="D46" s="17">
        <v>2862934</v>
      </c>
      <c r="E46" s="18">
        <v>9.9</v>
      </c>
      <c r="F46" s="17">
        <v>1</v>
      </c>
      <c r="G46" s="18">
        <v>-18.899999999999999</v>
      </c>
      <c r="H46" s="17">
        <v>117141</v>
      </c>
      <c r="I46" s="18">
        <v>7.8</v>
      </c>
      <c r="J46" s="19">
        <v>20102</v>
      </c>
      <c r="K46" s="20">
        <v>4.4000000000000004</v>
      </c>
      <c r="L46" s="17">
        <v>3</v>
      </c>
      <c r="M46" s="18">
        <v>-95.3</v>
      </c>
      <c r="N46" s="17">
        <v>3870</v>
      </c>
      <c r="O46" s="18">
        <v>-1.4419694954571225</v>
      </c>
    </row>
    <row r="47" spans="1:15" ht="12.75" customHeight="1">
      <c r="A47" s="185"/>
      <c r="B47" s="21"/>
      <c r="C47" s="22"/>
      <c r="D47" s="21"/>
      <c r="E47" s="22"/>
      <c r="F47" s="21"/>
      <c r="G47" s="22"/>
      <c r="H47" s="23">
        <v>15644</v>
      </c>
      <c r="I47" s="24">
        <v>3.3</v>
      </c>
      <c r="J47" s="25"/>
      <c r="K47" s="26"/>
      <c r="L47" s="21"/>
      <c r="M47" s="22"/>
      <c r="N47" s="21"/>
      <c r="O47" s="22"/>
    </row>
    <row r="48" spans="1:15" ht="12.75" customHeight="1">
      <c r="A48" s="185"/>
      <c r="B48" s="27">
        <v>222</v>
      </c>
      <c r="C48" s="28">
        <v>4.5999999999999996</v>
      </c>
      <c r="D48" s="27">
        <v>2052945</v>
      </c>
      <c r="E48" s="28">
        <v>11.8</v>
      </c>
      <c r="F48" s="27">
        <v>0</v>
      </c>
      <c r="G48" s="28">
        <v>0</v>
      </c>
      <c r="H48" s="31">
        <v>215</v>
      </c>
      <c r="I48" s="28">
        <v>5</v>
      </c>
      <c r="J48" s="180"/>
      <c r="K48" s="182"/>
      <c r="L48" s="41">
        <v>0</v>
      </c>
      <c r="M48" s="28">
        <v>-95.9</v>
      </c>
      <c r="N48" s="31">
        <v>7</v>
      </c>
      <c r="O48" s="28">
        <v>-8.4125017210519069</v>
      </c>
    </row>
    <row r="49" spans="1:15" ht="12.75" customHeight="1">
      <c r="A49" s="185"/>
      <c r="B49" s="21"/>
      <c r="C49" s="22"/>
      <c r="D49" s="21"/>
      <c r="E49" s="22"/>
      <c r="F49" s="21"/>
      <c r="G49" s="22"/>
      <c r="H49" s="40">
        <v>32</v>
      </c>
      <c r="I49" s="30">
        <v>6.6</v>
      </c>
      <c r="J49" s="181"/>
      <c r="K49" s="183"/>
      <c r="L49" s="21"/>
      <c r="M49" s="22"/>
      <c r="N49" s="21"/>
      <c r="O49" s="22"/>
    </row>
    <row r="50" spans="1:15" ht="12.75" customHeight="1">
      <c r="A50" s="185"/>
      <c r="B50" s="31">
        <v>140895</v>
      </c>
      <c r="C50" s="28">
        <v>7</v>
      </c>
      <c r="D50" s="31">
        <v>809989</v>
      </c>
      <c r="E50" s="28">
        <v>5.2</v>
      </c>
      <c r="F50" s="31">
        <v>1</v>
      </c>
      <c r="G50" s="28">
        <v>-18.899999999999999</v>
      </c>
      <c r="H50" s="31">
        <v>116926</v>
      </c>
      <c r="I50" s="28">
        <v>7.8</v>
      </c>
      <c r="J50" s="32">
        <v>20102</v>
      </c>
      <c r="K50" s="20">
        <v>4.4000000000000004</v>
      </c>
      <c r="L50" s="31">
        <v>3</v>
      </c>
      <c r="M50" s="28">
        <v>-95.3</v>
      </c>
      <c r="N50" s="31">
        <v>3863</v>
      </c>
      <c r="O50" s="28">
        <v>-1.4290514946915149</v>
      </c>
    </row>
    <row r="51" spans="1:15" ht="12.75" customHeight="1" thickBot="1">
      <c r="A51" s="186"/>
      <c r="B51" s="33"/>
      <c r="C51" s="34"/>
      <c r="D51" s="33"/>
      <c r="E51" s="34"/>
      <c r="F51" s="33"/>
      <c r="G51" s="34"/>
      <c r="H51" s="35">
        <v>15612</v>
      </c>
      <c r="I51" s="36">
        <v>3.3</v>
      </c>
      <c r="J51" s="37"/>
      <c r="K51" s="34"/>
      <c r="L51" s="33"/>
      <c r="M51" s="34"/>
      <c r="N51" s="33"/>
      <c r="O51" s="34"/>
    </row>
    <row r="52" spans="1:15" ht="12.75" customHeight="1">
      <c r="A52" s="184" t="s">
        <v>26</v>
      </c>
      <c r="B52" s="17">
        <v>147365</v>
      </c>
      <c r="C52" s="18">
        <v>6.6</v>
      </c>
      <c r="D52" s="17">
        <v>2629253</v>
      </c>
      <c r="E52" s="18">
        <v>8.6999999999999993</v>
      </c>
      <c r="F52" s="17">
        <v>1</v>
      </c>
      <c r="G52" s="18">
        <v>-13.8</v>
      </c>
      <c r="H52" s="17">
        <v>123496</v>
      </c>
      <c r="I52" s="18">
        <v>7.4</v>
      </c>
      <c r="J52" s="19">
        <v>19839</v>
      </c>
      <c r="K52" s="20">
        <v>3.3</v>
      </c>
      <c r="L52" s="17">
        <v>2</v>
      </c>
      <c r="M52" s="18">
        <v>-96.1</v>
      </c>
      <c r="N52" s="17">
        <v>4026</v>
      </c>
      <c r="O52" s="18">
        <v>2.6993716999453397</v>
      </c>
    </row>
    <row r="53" spans="1:15" ht="12.75" customHeight="1">
      <c r="A53" s="185"/>
      <c r="B53" s="21"/>
      <c r="C53" s="22"/>
      <c r="D53" s="21"/>
      <c r="E53" s="22"/>
      <c r="F53" s="21"/>
      <c r="G53" s="22"/>
      <c r="H53" s="23">
        <v>21970</v>
      </c>
      <c r="I53" s="24">
        <v>-2.2000000000000002</v>
      </c>
      <c r="J53" s="25"/>
      <c r="K53" s="26"/>
      <c r="L53" s="21"/>
      <c r="M53" s="22"/>
      <c r="N53" s="21"/>
      <c r="O53" s="22"/>
    </row>
    <row r="54" spans="1:15" ht="12.75" customHeight="1">
      <c r="A54" s="185"/>
      <c r="B54" s="27">
        <v>206</v>
      </c>
      <c r="C54" s="28">
        <v>7.8</v>
      </c>
      <c r="D54" s="27">
        <v>1867194</v>
      </c>
      <c r="E54" s="28">
        <v>10.9</v>
      </c>
      <c r="F54" s="27">
        <v>0</v>
      </c>
      <c r="G54" s="28">
        <v>0</v>
      </c>
      <c r="H54" s="31">
        <v>200</v>
      </c>
      <c r="I54" s="28">
        <v>8.1999999999999993</v>
      </c>
      <c r="J54" s="180"/>
      <c r="K54" s="182"/>
      <c r="L54" s="41">
        <v>0</v>
      </c>
      <c r="M54" s="28">
        <v>-95</v>
      </c>
      <c r="N54" s="31">
        <v>6</v>
      </c>
      <c r="O54" s="28">
        <v>-2.9444356498337818</v>
      </c>
    </row>
    <row r="55" spans="1:15" ht="12.75" customHeight="1">
      <c r="A55" s="185"/>
      <c r="B55" s="21"/>
      <c r="C55" s="22"/>
      <c r="D55" s="21"/>
      <c r="E55" s="22"/>
      <c r="F55" s="21"/>
      <c r="G55" s="22"/>
      <c r="H55" s="40">
        <v>28</v>
      </c>
      <c r="I55" s="30">
        <v>8.4</v>
      </c>
      <c r="J55" s="181"/>
      <c r="K55" s="183"/>
      <c r="L55" s="21"/>
      <c r="M55" s="22"/>
      <c r="N55" s="21"/>
      <c r="O55" s="22"/>
    </row>
    <row r="56" spans="1:15" ht="12.75" customHeight="1">
      <c r="A56" s="185"/>
      <c r="B56" s="31">
        <v>147159</v>
      </c>
      <c r="C56" s="28">
        <v>6.6</v>
      </c>
      <c r="D56" s="31">
        <v>762059</v>
      </c>
      <c r="E56" s="28">
        <v>3.7</v>
      </c>
      <c r="F56" s="31">
        <v>1</v>
      </c>
      <c r="G56" s="28">
        <v>-13.8</v>
      </c>
      <c r="H56" s="31">
        <v>123297</v>
      </c>
      <c r="I56" s="28">
        <v>7.4</v>
      </c>
      <c r="J56" s="32">
        <v>19839</v>
      </c>
      <c r="K56" s="20">
        <v>3.3</v>
      </c>
      <c r="L56" s="31">
        <v>2</v>
      </c>
      <c r="M56" s="28">
        <v>-96.1</v>
      </c>
      <c r="N56" s="31">
        <v>4020</v>
      </c>
      <c r="O56" s="28">
        <v>2.7084799126885222</v>
      </c>
    </row>
    <row r="57" spans="1:15" ht="12.75" customHeight="1" thickBot="1">
      <c r="A57" s="186"/>
      <c r="B57" s="33"/>
      <c r="C57" s="34"/>
      <c r="D57" s="33"/>
      <c r="E57" s="34"/>
      <c r="F57" s="33"/>
      <c r="G57" s="34"/>
      <c r="H57" s="35">
        <v>21942</v>
      </c>
      <c r="I57" s="36">
        <v>-2.2000000000000002</v>
      </c>
      <c r="J57" s="37"/>
      <c r="K57" s="34"/>
      <c r="L57" s="33"/>
      <c r="M57" s="34"/>
      <c r="N57" s="33"/>
      <c r="O57" s="34"/>
    </row>
    <row r="58" spans="1:15" ht="12.75" customHeight="1">
      <c r="A58" s="184" t="s">
        <v>28</v>
      </c>
      <c r="B58" s="17">
        <v>155776</v>
      </c>
      <c r="C58" s="18">
        <v>4.5</v>
      </c>
      <c r="D58" s="17">
        <v>3634634</v>
      </c>
      <c r="E58" s="18">
        <v>7.4</v>
      </c>
      <c r="F58" s="17">
        <v>1</v>
      </c>
      <c r="G58" s="18">
        <v>-12</v>
      </c>
      <c r="H58" s="17">
        <v>130184</v>
      </c>
      <c r="I58" s="18">
        <v>4.9000000000000004</v>
      </c>
      <c r="J58" s="19">
        <v>20828</v>
      </c>
      <c r="K58" s="20">
        <v>4</v>
      </c>
      <c r="L58" s="17">
        <v>3</v>
      </c>
      <c r="M58" s="18">
        <v>-95.9</v>
      </c>
      <c r="N58" s="17">
        <v>4760</v>
      </c>
      <c r="O58" s="18">
        <v>-1.8974230887489192</v>
      </c>
    </row>
    <row r="59" spans="1:15">
      <c r="A59" s="185"/>
      <c r="B59" s="21"/>
      <c r="C59" s="22"/>
      <c r="D59" s="21"/>
      <c r="E59" s="22"/>
      <c r="F59" s="21"/>
      <c r="G59" s="22"/>
      <c r="H59" s="23">
        <v>17829</v>
      </c>
      <c r="I59" s="24">
        <v>-8.3000000000000007</v>
      </c>
      <c r="J59" s="25"/>
      <c r="K59" s="26"/>
      <c r="L59" s="21"/>
      <c r="M59" s="22"/>
      <c r="N59" s="21"/>
      <c r="O59" s="22"/>
    </row>
    <row r="60" spans="1:15">
      <c r="A60" s="185"/>
      <c r="B60" s="27">
        <v>274</v>
      </c>
      <c r="C60" s="28">
        <v>4.8</v>
      </c>
      <c r="D60" s="27">
        <v>2641509</v>
      </c>
      <c r="E60" s="28">
        <v>9.3000000000000007</v>
      </c>
      <c r="F60" s="27">
        <v>0</v>
      </c>
      <c r="G60" s="28">
        <v>-40</v>
      </c>
      <c r="H60" s="31">
        <v>266</v>
      </c>
      <c r="I60" s="28">
        <v>5.0999999999999996</v>
      </c>
      <c r="J60" s="180"/>
      <c r="K60" s="182"/>
      <c r="L60" s="41">
        <v>0</v>
      </c>
      <c r="M60" s="28">
        <v>-95.1</v>
      </c>
      <c r="N60" s="31">
        <v>8</v>
      </c>
      <c r="O60" s="28">
        <v>-3.8397527341892537</v>
      </c>
    </row>
    <row r="61" spans="1:15">
      <c r="A61" s="185"/>
      <c r="B61" s="21"/>
      <c r="C61" s="22"/>
      <c r="D61" s="21"/>
      <c r="E61" s="22"/>
      <c r="F61" s="21"/>
      <c r="G61" s="22"/>
      <c r="H61" s="40">
        <v>34</v>
      </c>
      <c r="I61" s="30">
        <v>7.9</v>
      </c>
      <c r="J61" s="181"/>
      <c r="K61" s="183"/>
      <c r="L61" s="21"/>
      <c r="M61" s="22"/>
      <c r="N61" s="21"/>
      <c r="O61" s="22"/>
    </row>
    <row r="62" spans="1:15">
      <c r="A62" s="185"/>
      <c r="B62" s="31">
        <v>155501</v>
      </c>
      <c r="C62" s="28">
        <v>4.5</v>
      </c>
      <c r="D62" s="31">
        <v>993125</v>
      </c>
      <c r="E62" s="28">
        <v>2.8</v>
      </c>
      <c r="F62" s="31">
        <v>1</v>
      </c>
      <c r="G62" s="28">
        <v>-11.8</v>
      </c>
      <c r="H62" s="31">
        <v>129918</v>
      </c>
      <c r="I62" s="28">
        <v>4.9000000000000004</v>
      </c>
      <c r="J62" s="32">
        <v>20828</v>
      </c>
      <c r="K62" s="20">
        <v>4</v>
      </c>
      <c r="L62" s="31">
        <v>3</v>
      </c>
      <c r="M62" s="28">
        <v>-95.9</v>
      </c>
      <c r="N62" s="31">
        <v>4752</v>
      </c>
      <c r="O62" s="28">
        <v>-1.894050119899324</v>
      </c>
    </row>
    <row r="63" spans="1:15" ht="13.8" thickBot="1">
      <c r="A63" s="186"/>
      <c r="B63" s="33"/>
      <c r="C63" s="34"/>
      <c r="D63" s="33"/>
      <c r="E63" s="34"/>
      <c r="F63" s="33"/>
      <c r="G63" s="34"/>
      <c r="H63" s="35">
        <v>17795</v>
      </c>
      <c r="I63" s="36">
        <v>-8.3000000000000007</v>
      </c>
      <c r="J63" s="37"/>
      <c r="K63" s="34"/>
      <c r="L63" s="33"/>
      <c r="M63" s="34"/>
      <c r="N63" s="33"/>
      <c r="O63" s="34"/>
    </row>
    <row r="64" spans="1:15">
      <c r="A64" s="184" t="s">
        <v>29</v>
      </c>
      <c r="B64" s="17">
        <v>147761</v>
      </c>
      <c r="C64" s="18">
        <v>5.5</v>
      </c>
      <c r="D64" s="17">
        <v>3014353</v>
      </c>
      <c r="E64" s="18">
        <v>4.5999999999999996</v>
      </c>
      <c r="F64" s="17">
        <v>0</v>
      </c>
      <c r="G64" s="18">
        <v>-6.1</v>
      </c>
      <c r="H64" s="17">
        <v>122821</v>
      </c>
      <c r="I64" s="18">
        <v>6.3</v>
      </c>
      <c r="J64" s="19">
        <v>20527</v>
      </c>
      <c r="K64" s="20">
        <v>3.2</v>
      </c>
      <c r="L64" s="17">
        <v>2</v>
      </c>
      <c r="M64" s="18">
        <v>-95.1</v>
      </c>
      <c r="N64" s="17">
        <v>4410</v>
      </c>
      <c r="O64" s="18">
        <v>-1.8671924491675467</v>
      </c>
    </row>
    <row r="65" spans="1:15">
      <c r="A65" s="185"/>
      <c r="B65" s="21"/>
      <c r="C65" s="22"/>
      <c r="D65" s="21"/>
      <c r="E65" s="22"/>
      <c r="F65" s="21"/>
      <c r="G65" s="22"/>
      <c r="H65" s="23">
        <v>19627</v>
      </c>
      <c r="I65" s="24">
        <v>2.2000000000000002</v>
      </c>
      <c r="J65" s="25"/>
      <c r="K65" s="26"/>
      <c r="L65" s="21"/>
      <c r="M65" s="22"/>
      <c r="N65" s="21"/>
      <c r="O65" s="22"/>
    </row>
    <row r="66" spans="1:15">
      <c r="A66" s="185"/>
      <c r="B66" s="27">
        <v>225</v>
      </c>
      <c r="C66" s="28">
        <v>3.8</v>
      </c>
      <c r="D66" s="27">
        <v>2126564</v>
      </c>
      <c r="E66" s="28">
        <v>5.4</v>
      </c>
      <c r="F66" s="27">
        <v>0</v>
      </c>
      <c r="G66" s="28">
        <v>0</v>
      </c>
      <c r="H66" s="31">
        <v>218</v>
      </c>
      <c r="I66" s="28">
        <v>3.8</v>
      </c>
      <c r="J66" s="180"/>
      <c r="K66" s="182"/>
      <c r="L66" s="31">
        <v>0</v>
      </c>
      <c r="M66" s="28">
        <v>-77.099999999999994</v>
      </c>
      <c r="N66" s="31">
        <v>7</v>
      </c>
      <c r="O66" s="28">
        <v>4.9109148076059288</v>
      </c>
    </row>
    <row r="67" spans="1:15">
      <c r="A67" s="185"/>
      <c r="B67" s="21"/>
      <c r="C67" s="22"/>
      <c r="D67" s="21"/>
      <c r="E67" s="22"/>
      <c r="F67" s="21"/>
      <c r="G67" s="22"/>
      <c r="H67" s="40">
        <v>30</v>
      </c>
      <c r="I67" s="30">
        <v>5.6</v>
      </c>
      <c r="J67" s="181"/>
      <c r="K67" s="183"/>
      <c r="L67" s="21"/>
      <c r="M67" s="22"/>
      <c r="N67" s="21"/>
      <c r="O67" s="22"/>
    </row>
    <row r="68" spans="1:15">
      <c r="A68" s="185"/>
      <c r="B68" s="31">
        <v>147536</v>
      </c>
      <c r="C68" s="28">
        <v>5.5</v>
      </c>
      <c r="D68" s="31">
        <v>887790</v>
      </c>
      <c r="E68" s="28">
        <v>2.7</v>
      </c>
      <c r="F68" s="31">
        <v>0</v>
      </c>
      <c r="G68" s="28">
        <v>-6.1</v>
      </c>
      <c r="H68" s="31">
        <v>122604</v>
      </c>
      <c r="I68" s="28">
        <v>6.3</v>
      </c>
      <c r="J68" s="32">
        <v>20527</v>
      </c>
      <c r="K68" s="20">
        <v>3.2</v>
      </c>
      <c r="L68" s="31">
        <v>2</v>
      </c>
      <c r="M68" s="28">
        <v>-95.1</v>
      </c>
      <c r="N68" s="31">
        <v>4403</v>
      </c>
      <c r="O68" s="28">
        <v>-1.8772808063736897</v>
      </c>
    </row>
    <row r="69" spans="1:15" ht="13.8" thickBot="1">
      <c r="A69" s="186"/>
      <c r="B69" s="33"/>
      <c r="C69" s="34"/>
      <c r="D69" s="33"/>
      <c r="E69" s="34"/>
      <c r="F69" s="33"/>
      <c r="G69" s="34"/>
      <c r="H69" s="35">
        <v>19597</v>
      </c>
      <c r="I69" s="36">
        <v>2.2000000000000002</v>
      </c>
      <c r="J69" s="37"/>
      <c r="K69" s="34"/>
      <c r="L69" s="33"/>
      <c r="M69" s="34"/>
      <c r="N69" s="33"/>
      <c r="O69" s="34"/>
    </row>
    <row r="70" spans="1:15">
      <c r="A70" s="184" t="s">
        <v>30</v>
      </c>
      <c r="B70" s="17">
        <v>149937</v>
      </c>
      <c r="C70" s="18">
        <v>6.9</v>
      </c>
      <c r="D70" s="17">
        <v>3018431</v>
      </c>
      <c r="E70" s="18">
        <v>5.9</v>
      </c>
      <c r="F70" s="17">
        <v>0</v>
      </c>
      <c r="G70" s="18">
        <v>-36.799999999999997</v>
      </c>
      <c r="H70" s="17">
        <v>125840</v>
      </c>
      <c r="I70" s="18">
        <v>7.7</v>
      </c>
      <c r="J70" s="19">
        <v>20069</v>
      </c>
      <c r="K70" s="20">
        <v>3.7</v>
      </c>
      <c r="L70" s="17">
        <v>2</v>
      </c>
      <c r="M70" s="18">
        <v>-97.1</v>
      </c>
      <c r="N70" s="17">
        <v>4026</v>
      </c>
      <c r="O70" s="18">
        <v>0.39983619485230854</v>
      </c>
    </row>
    <row r="71" spans="1:15">
      <c r="A71" s="185"/>
      <c r="B71" s="21"/>
      <c r="C71" s="22"/>
      <c r="D71" s="21"/>
      <c r="E71" s="22"/>
      <c r="F71" s="21"/>
      <c r="G71" s="22"/>
      <c r="H71" s="23">
        <v>16377</v>
      </c>
      <c r="I71" s="24">
        <v>8.4</v>
      </c>
      <c r="J71" s="25"/>
      <c r="K71" s="26"/>
      <c r="L71" s="21"/>
      <c r="M71" s="22"/>
      <c r="N71" s="21"/>
      <c r="O71" s="22"/>
    </row>
    <row r="72" spans="1:15">
      <c r="A72" s="185"/>
      <c r="B72" s="27">
        <v>241</v>
      </c>
      <c r="C72" s="28">
        <v>7.3</v>
      </c>
      <c r="D72" s="27">
        <v>2159125</v>
      </c>
      <c r="E72" s="28">
        <v>6.5</v>
      </c>
      <c r="F72" s="27">
        <v>0</v>
      </c>
      <c r="G72" s="28">
        <v>0</v>
      </c>
      <c r="H72" s="31">
        <v>232</v>
      </c>
      <c r="I72" s="28">
        <v>7.5</v>
      </c>
      <c r="J72" s="180"/>
      <c r="K72" s="182"/>
      <c r="L72" s="31">
        <v>0</v>
      </c>
      <c r="M72" s="28">
        <v>-87.5</v>
      </c>
      <c r="N72" s="31">
        <v>9</v>
      </c>
      <c r="O72" s="28">
        <v>3.5747339194817216</v>
      </c>
    </row>
    <row r="73" spans="1:15">
      <c r="A73" s="185"/>
      <c r="B73" s="21"/>
      <c r="C73" s="22"/>
      <c r="D73" s="21"/>
      <c r="E73" s="22"/>
      <c r="F73" s="21"/>
      <c r="G73" s="22"/>
      <c r="H73" s="40">
        <v>32</v>
      </c>
      <c r="I73" s="30">
        <v>6.5</v>
      </c>
      <c r="J73" s="181"/>
      <c r="K73" s="183"/>
      <c r="L73" s="21"/>
      <c r="M73" s="22"/>
      <c r="N73" s="21"/>
      <c r="O73" s="22"/>
    </row>
    <row r="74" spans="1:15">
      <c r="A74" s="185"/>
      <c r="B74" s="31">
        <v>149696</v>
      </c>
      <c r="C74" s="28">
        <v>6.9</v>
      </c>
      <c r="D74" s="31">
        <v>859307</v>
      </c>
      <c r="E74" s="28">
        <v>4.2</v>
      </c>
      <c r="F74" s="31">
        <v>0</v>
      </c>
      <c r="G74" s="28">
        <v>-36.799999999999997</v>
      </c>
      <c r="H74" s="31">
        <v>125609</v>
      </c>
      <c r="I74" s="28">
        <v>7.7</v>
      </c>
      <c r="J74" s="32">
        <v>20069</v>
      </c>
      <c r="K74" s="20">
        <v>3.7</v>
      </c>
      <c r="L74" s="31">
        <v>2</v>
      </c>
      <c r="M74" s="28">
        <v>-97.1</v>
      </c>
      <c r="N74" s="31">
        <v>4017</v>
      </c>
      <c r="O74" s="28">
        <v>0.39297695225041351</v>
      </c>
    </row>
    <row r="75" spans="1:15" ht="13.8" thickBot="1">
      <c r="A75" s="186"/>
      <c r="B75" s="33"/>
      <c r="C75" s="34"/>
      <c r="D75" s="33"/>
      <c r="E75" s="34"/>
      <c r="F75" s="33"/>
      <c r="G75" s="34"/>
      <c r="H75" s="35">
        <v>16345</v>
      </c>
      <c r="I75" s="36">
        <v>8.4</v>
      </c>
      <c r="J75" s="37"/>
      <c r="K75" s="34"/>
      <c r="L75" s="33"/>
      <c r="M75" s="34"/>
      <c r="N75" s="33"/>
      <c r="O75" s="34"/>
    </row>
    <row r="76" spans="1:15">
      <c r="A76" s="184" t="s">
        <v>31</v>
      </c>
      <c r="B76" s="17">
        <v>164856</v>
      </c>
      <c r="C76" s="18">
        <v>6.3</v>
      </c>
      <c r="D76" s="17">
        <v>3089644</v>
      </c>
      <c r="E76" s="18">
        <v>5.0999999999999996</v>
      </c>
      <c r="F76" s="17">
        <v>0</v>
      </c>
      <c r="G76" s="18">
        <v>-4.5999999999999996</v>
      </c>
      <c r="H76" s="17">
        <v>133588</v>
      </c>
      <c r="I76" s="18">
        <v>7</v>
      </c>
      <c r="J76" s="19">
        <v>26247</v>
      </c>
      <c r="K76" s="20">
        <v>5</v>
      </c>
      <c r="L76" s="17">
        <v>2</v>
      </c>
      <c r="M76" s="18">
        <v>-96.2</v>
      </c>
      <c r="N76" s="17">
        <v>5019</v>
      </c>
      <c r="O76" s="18">
        <v>-1.5806187122114952</v>
      </c>
    </row>
    <row r="77" spans="1:15">
      <c r="A77" s="185"/>
      <c r="B77" s="21"/>
      <c r="C77" s="22"/>
      <c r="D77" s="21"/>
      <c r="E77" s="22"/>
      <c r="F77" s="21"/>
      <c r="G77" s="22"/>
      <c r="H77" s="23">
        <v>23349</v>
      </c>
      <c r="I77" s="24">
        <v>3.3</v>
      </c>
      <c r="J77" s="25"/>
      <c r="K77" s="26"/>
      <c r="L77" s="21"/>
      <c r="M77" s="22"/>
      <c r="N77" s="21"/>
      <c r="O77" s="22"/>
    </row>
    <row r="78" spans="1:15">
      <c r="A78" s="185"/>
      <c r="B78" s="27">
        <v>238</v>
      </c>
      <c r="C78" s="28">
        <v>6.9</v>
      </c>
      <c r="D78" s="27">
        <v>2217582</v>
      </c>
      <c r="E78" s="28">
        <v>5.0999999999999996</v>
      </c>
      <c r="F78" s="27">
        <v>0</v>
      </c>
      <c r="G78" s="28">
        <v>0</v>
      </c>
      <c r="H78" s="31">
        <v>230</v>
      </c>
      <c r="I78" s="28">
        <v>7</v>
      </c>
      <c r="J78" s="180"/>
      <c r="K78" s="182"/>
      <c r="L78" s="31">
        <v>0</v>
      </c>
      <c r="M78" s="28">
        <v>-89.5</v>
      </c>
      <c r="N78" s="31">
        <v>9</v>
      </c>
      <c r="O78" s="28">
        <v>5.00183441359912</v>
      </c>
    </row>
    <row r="79" spans="1:15">
      <c r="A79" s="185"/>
      <c r="B79" s="21"/>
      <c r="C79" s="22"/>
      <c r="D79" s="21"/>
      <c r="E79" s="22"/>
      <c r="F79" s="21"/>
      <c r="G79" s="22"/>
      <c r="H79" s="40">
        <v>30</v>
      </c>
      <c r="I79" s="30">
        <v>4.7</v>
      </c>
      <c r="J79" s="181"/>
      <c r="K79" s="183"/>
      <c r="L79" s="21"/>
      <c r="M79" s="22"/>
      <c r="N79" s="21"/>
      <c r="O79" s="22"/>
    </row>
    <row r="80" spans="1:15">
      <c r="A80" s="185"/>
      <c r="B80" s="31">
        <v>164618</v>
      </c>
      <c r="C80" s="28">
        <v>6.3</v>
      </c>
      <c r="D80" s="31">
        <v>872062</v>
      </c>
      <c r="E80" s="28">
        <v>5.2</v>
      </c>
      <c r="F80" s="31">
        <v>0</v>
      </c>
      <c r="G80" s="28">
        <v>-4.5999999999999996</v>
      </c>
      <c r="H80" s="31">
        <v>133359</v>
      </c>
      <c r="I80" s="28">
        <v>7</v>
      </c>
      <c r="J80" s="32">
        <v>26247</v>
      </c>
      <c r="K80" s="20">
        <v>5</v>
      </c>
      <c r="L80" s="31">
        <v>2</v>
      </c>
      <c r="M80" s="28">
        <v>-96.2</v>
      </c>
      <c r="N80" s="31">
        <v>5010</v>
      </c>
      <c r="O80" s="28">
        <v>-1.5911910450645952</v>
      </c>
    </row>
    <row r="81" spans="1:15" ht="13.8" thickBot="1">
      <c r="A81" s="186"/>
      <c r="B81" s="33"/>
      <c r="C81" s="34"/>
      <c r="D81" s="33"/>
      <c r="E81" s="34"/>
      <c r="F81" s="33"/>
      <c r="G81" s="34"/>
      <c r="H81" s="35">
        <v>23319</v>
      </c>
      <c r="I81" s="36">
        <v>3.3</v>
      </c>
      <c r="J81" s="37"/>
      <c r="K81" s="34"/>
      <c r="L81" s="33"/>
      <c r="M81" s="34"/>
      <c r="N81" s="33"/>
      <c r="O81" s="34"/>
    </row>
    <row r="82" spans="1:15">
      <c r="A82" s="184" t="s">
        <v>32</v>
      </c>
      <c r="B82" s="17">
        <v>154070</v>
      </c>
      <c r="C82" s="18">
        <v>11</v>
      </c>
      <c r="D82" s="17">
        <v>2887917</v>
      </c>
      <c r="E82" s="18">
        <v>10.1</v>
      </c>
      <c r="F82" s="17">
        <v>1</v>
      </c>
      <c r="G82" s="18">
        <v>2.1</v>
      </c>
      <c r="H82" s="17">
        <v>125666</v>
      </c>
      <c r="I82" s="18">
        <v>13.1</v>
      </c>
      <c r="J82" s="19">
        <v>24485</v>
      </c>
      <c r="K82" s="20">
        <v>3.6</v>
      </c>
      <c r="L82" s="17">
        <v>2</v>
      </c>
      <c r="M82" s="18">
        <v>-94.2</v>
      </c>
      <c r="N82" s="17">
        <v>3915</v>
      </c>
      <c r="O82" s="18">
        <v>-3.0474184853938864</v>
      </c>
    </row>
    <row r="83" spans="1:15">
      <c r="A83" s="185"/>
      <c r="B83" s="21"/>
      <c r="C83" s="22"/>
      <c r="D83" s="21"/>
      <c r="E83" s="22"/>
      <c r="F83" s="21"/>
      <c r="G83" s="22"/>
      <c r="H83" s="23">
        <v>17861</v>
      </c>
      <c r="I83" s="24">
        <v>16.8</v>
      </c>
      <c r="J83" s="25"/>
      <c r="K83" s="26"/>
      <c r="L83" s="21"/>
      <c r="M83" s="22"/>
      <c r="N83" s="21"/>
      <c r="O83" s="22"/>
    </row>
    <row r="84" spans="1:15">
      <c r="A84" s="185"/>
      <c r="B84" s="27">
        <v>223</v>
      </c>
      <c r="C84" s="28">
        <v>11.2</v>
      </c>
      <c r="D84" s="27">
        <v>2052158</v>
      </c>
      <c r="E84" s="28">
        <v>9.9</v>
      </c>
      <c r="F84" s="27">
        <v>0</v>
      </c>
      <c r="G84" s="28">
        <v>0</v>
      </c>
      <c r="H84" s="31">
        <v>216</v>
      </c>
      <c r="I84" s="28">
        <v>11.4</v>
      </c>
      <c r="J84" s="180"/>
      <c r="K84" s="182"/>
      <c r="L84" s="31">
        <v>0</v>
      </c>
      <c r="M84" s="28">
        <v>-75</v>
      </c>
      <c r="N84" s="31">
        <v>7</v>
      </c>
      <c r="O84" s="28">
        <v>6.8298402462260004</v>
      </c>
    </row>
    <row r="85" spans="1:15">
      <c r="A85" s="185"/>
      <c r="B85" s="21"/>
      <c r="C85" s="22"/>
      <c r="D85" s="21"/>
      <c r="E85" s="22"/>
      <c r="F85" s="21"/>
      <c r="G85" s="22"/>
      <c r="H85" s="40">
        <v>29</v>
      </c>
      <c r="I85" s="30">
        <v>10.4</v>
      </c>
      <c r="J85" s="181"/>
      <c r="K85" s="183"/>
      <c r="L85" s="21"/>
      <c r="M85" s="22"/>
      <c r="N85" s="21"/>
      <c r="O85" s="22"/>
    </row>
    <row r="86" spans="1:15">
      <c r="A86" s="185"/>
      <c r="B86" s="31">
        <v>153847</v>
      </c>
      <c r="C86" s="28">
        <v>11</v>
      </c>
      <c r="D86" s="31">
        <v>835759</v>
      </c>
      <c r="E86" s="28">
        <v>10.9</v>
      </c>
      <c r="F86" s="31">
        <v>1</v>
      </c>
      <c r="G86" s="28">
        <v>2.1</v>
      </c>
      <c r="H86" s="31">
        <v>125450</v>
      </c>
      <c r="I86" s="28">
        <v>13.1</v>
      </c>
      <c r="J86" s="32">
        <v>24485</v>
      </c>
      <c r="K86" s="20">
        <v>3.6</v>
      </c>
      <c r="L86" s="31">
        <v>2</v>
      </c>
      <c r="M86" s="28">
        <v>-94.3</v>
      </c>
      <c r="N86" s="31">
        <v>3908</v>
      </c>
      <c r="O86" s="28">
        <v>-3.0641356032434799</v>
      </c>
    </row>
    <row r="87" spans="1:15" ht="13.8" thickBot="1">
      <c r="A87" s="186"/>
      <c r="B87" s="33"/>
      <c r="C87" s="34"/>
      <c r="D87" s="33"/>
      <c r="E87" s="34"/>
      <c r="F87" s="33"/>
      <c r="G87" s="34"/>
      <c r="H87" s="35">
        <v>17832</v>
      </c>
      <c r="I87" s="36">
        <v>16.8</v>
      </c>
      <c r="J87" s="37"/>
      <c r="K87" s="34"/>
      <c r="L87" s="33"/>
      <c r="M87" s="34"/>
      <c r="N87" s="33"/>
      <c r="O87" s="34"/>
    </row>
    <row r="88" spans="1:15">
      <c r="A88" s="184" t="s">
        <v>87</v>
      </c>
      <c r="B88" s="17">
        <v>155773</v>
      </c>
      <c r="C88" s="18">
        <v>5.9</v>
      </c>
      <c r="D88" s="17">
        <v>2887285</v>
      </c>
      <c r="E88" s="18">
        <v>2.7</v>
      </c>
      <c r="F88" s="17">
        <v>1</v>
      </c>
      <c r="G88" s="18">
        <v>-20.100000000000001</v>
      </c>
      <c r="H88" s="17">
        <v>131085</v>
      </c>
      <c r="I88" s="18">
        <v>6.7</v>
      </c>
      <c r="J88" s="19">
        <v>20496</v>
      </c>
      <c r="K88" s="20">
        <v>3</v>
      </c>
      <c r="L88" s="17">
        <v>2</v>
      </c>
      <c r="M88" s="18">
        <v>-96.2</v>
      </c>
      <c r="N88" s="17">
        <v>4190</v>
      </c>
      <c r="O88" s="18">
        <v>-3.4988993311222445</v>
      </c>
    </row>
    <row r="89" spans="1:15">
      <c r="A89" s="185"/>
      <c r="B89" s="21"/>
      <c r="C89" s="22"/>
      <c r="D89" s="21"/>
      <c r="E89" s="22"/>
      <c r="F89" s="21"/>
      <c r="G89" s="22"/>
      <c r="H89" s="23">
        <v>22761</v>
      </c>
      <c r="I89" s="24">
        <v>12.6</v>
      </c>
      <c r="J89" s="25"/>
      <c r="K89" s="26"/>
      <c r="L89" s="21"/>
      <c r="M89" s="22"/>
      <c r="N89" s="21"/>
      <c r="O89" s="22"/>
    </row>
    <row r="90" spans="1:15">
      <c r="A90" s="185"/>
      <c r="B90" s="27">
        <v>223</v>
      </c>
      <c r="C90" s="28">
        <v>1.1000000000000001</v>
      </c>
      <c r="D90" s="27">
        <v>2078845</v>
      </c>
      <c r="E90" s="28">
        <v>3</v>
      </c>
      <c r="F90" s="27">
        <v>0</v>
      </c>
      <c r="G90" s="28">
        <v>0</v>
      </c>
      <c r="H90" s="31">
        <v>216</v>
      </c>
      <c r="I90" s="28">
        <v>1.6</v>
      </c>
      <c r="J90" s="180"/>
      <c r="K90" s="182"/>
      <c r="L90" s="31">
        <v>0</v>
      </c>
      <c r="M90" s="28">
        <v>-97.4</v>
      </c>
      <c r="N90" s="31">
        <v>7</v>
      </c>
      <c r="O90" s="28">
        <v>-10.476075398743353</v>
      </c>
    </row>
    <row r="91" spans="1:15">
      <c r="A91" s="185"/>
      <c r="B91" s="21"/>
      <c r="C91" s="22"/>
      <c r="D91" s="21"/>
      <c r="E91" s="22"/>
      <c r="F91" s="21"/>
      <c r="G91" s="22"/>
      <c r="H91" s="40">
        <v>29</v>
      </c>
      <c r="I91" s="30">
        <v>-4.5</v>
      </c>
      <c r="J91" s="181"/>
      <c r="K91" s="183"/>
      <c r="L91" s="21"/>
      <c r="M91" s="22"/>
      <c r="N91" s="21"/>
      <c r="O91" s="22"/>
    </row>
    <row r="92" spans="1:15">
      <c r="A92" s="185"/>
      <c r="B92" s="31">
        <v>155550</v>
      </c>
      <c r="C92" s="28">
        <v>5.9</v>
      </c>
      <c r="D92" s="31">
        <v>808440</v>
      </c>
      <c r="E92" s="28">
        <v>1.8</v>
      </c>
      <c r="F92" s="31">
        <v>1</v>
      </c>
      <c r="G92" s="28">
        <v>-20.100000000000001</v>
      </c>
      <c r="H92" s="31">
        <v>130869</v>
      </c>
      <c r="I92" s="28">
        <v>6.7</v>
      </c>
      <c r="J92" s="32">
        <v>20496</v>
      </c>
      <c r="K92" s="20">
        <v>3</v>
      </c>
      <c r="L92" s="31">
        <v>2</v>
      </c>
      <c r="M92" s="28">
        <v>-96.2</v>
      </c>
      <c r="N92" s="31">
        <v>4182</v>
      </c>
      <c r="O92" s="28">
        <v>-3.4855735113398372</v>
      </c>
    </row>
    <row r="93" spans="1:15" ht="13.8" thickBot="1">
      <c r="A93" s="186"/>
      <c r="B93" s="33"/>
      <c r="C93" s="34"/>
      <c r="D93" s="33"/>
      <c r="E93" s="34"/>
      <c r="F93" s="33"/>
      <c r="G93" s="34"/>
      <c r="H93" s="35">
        <v>22732</v>
      </c>
      <c r="I93" s="36">
        <v>12.6</v>
      </c>
      <c r="J93" s="37"/>
      <c r="K93" s="34"/>
      <c r="L93" s="33"/>
      <c r="M93" s="34"/>
      <c r="N93" s="33"/>
      <c r="O93" s="34"/>
    </row>
    <row r="94" spans="1:15">
      <c r="A94" s="184" t="s">
        <v>86</v>
      </c>
      <c r="B94" s="17">
        <v>145468</v>
      </c>
      <c r="C94" s="18">
        <v>2.5</v>
      </c>
      <c r="D94" s="17">
        <v>3006491</v>
      </c>
      <c r="E94" s="18">
        <v>2.9</v>
      </c>
      <c r="F94" s="17">
        <v>1</v>
      </c>
      <c r="G94" s="18">
        <v>-11.1</v>
      </c>
      <c r="H94" s="17">
        <v>121442</v>
      </c>
      <c r="I94" s="18">
        <v>2.6</v>
      </c>
      <c r="J94" s="19">
        <v>20235</v>
      </c>
      <c r="K94" s="20">
        <v>3.7</v>
      </c>
      <c r="L94" s="17">
        <v>2</v>
      </c>
      <c r="M94" s="18">
        <v>-96.4</v>
      </c>
      <c r="N94" s="17">
        <v>3789</v>
      </c>
      <c r="O94" s="18">
        <v>-4.9878947616511669</v>
      </c>
    </row>
    <row r="95" spans="1:15">
      <c r="A95" s="185"/>
      <c r="B95" s="21"/>
      <c r="C95" s="22"/>
      <c r="D95" s="21"/>
      <c r="E95" s="22"/>
      <c r="F95" s="21"/>
      <c r="G95" s="22"/>
      <c r="H95" s="23">
        <v>16793</v>
      </c>
      <c r="I95" s="24">
        <v>-3.6</v>
      </c>
      <c r="J95" s="25"/>
      <c r="K95" s="26"/>
      <c r="L95" s="21"/>
      <c r="M95" s="22"/>
      <c r="N95" s="21"/>
      <c r="O95" s="22"/>
    </row>
    <row r="96" spans="1:15">
      <c r="A96" s="185"/>
      <c r="B96" s="27">
        <v>228</v>
      </c>
      <c r="C96" s="28">
        <v>0</v>
      </c>
      <c r="D96" s="27">
        <v>2194902</v>
      </c>
      <c r="E96" s="28">
        <v>3.8</v>
      </c>
      <c r="F96" s="27">
        <v>0</v>
      </c>
      <c r="G96" s="28">
        <v>-50</v>
      </c>
      <c r="H96" s="31">
        <v>221</v>
      </c>
      <c r="I96" s="28">
        <v>0.2</v>
      </c>
      <c r="J96" s="180"/>
      <c r="K96" s="182"/>
      <c r="L96" s="31">
        <v>0</v>
      </c>
      <c r="M96" s="28">
        <v>-91.4</v>
      </c>
      <c r="N96" s="31">
        <v>7</v>
      </c>
      <c r="O96" s="28">
        <v>-4.8071700162954913</v>
      </c>
    </row>
    <row r="97" spans="1:15">
      <c r="A97" s="185"/>
      <c r="B97" s="21"/>
      <c r="C97" s="22"/>
      <c r="D97" s="21"/>
      <c r="E97" s="22"/>
      <c r="F97" s="21"/>
      <c r="G97" s="22"/>
      <c r="H97" s="40">
        <v>28</v>
      </c>
      <c r="I97" s="30">
        <v>-7.8</v>
      </c>
      <c r="J97" s="181"/>
      <c r="K97" s="183"/>
      <c r="L97" s="21"/>
      <c r="M97" s="22"/>
      <c r="N97" s="21"/>
      <c r="O97" s="22"/>
    </row>
    <row r="98" spans="1:15">
      <c r="A98" s="185"/>
      <c r="B98" s="31">
        <v>145240</v>
      </c>
      <c r="C98" s="28">
        <v>2.5</v>
      </c>
      <c r="D98" s="31">
        <v>811588</v>
      </c>
      <c r="E98" s="28">
        <v>0.6</v>
      </c>
      <c r="F98" s="31">
        <v>1</v>
      </c>
      <c r="G98" s="28">
        <v>-10.9</v>
      </c>
      <c r="H98" s="31">
        <v>121221</v>
      </c>
      <c r="I98" s="28">
        <v>2.6</v>
      </c>
      <c r="J98" s="32">
        <v>20235</v>
      </c>
      <c r="K98" s="20">
        <v>3.7</v>
      </c>
      <c r="L98" s="31">
        <v>2</v>
      </c>
      <c r="M98" s="28">
        <v>-96.4</v>
      </c>
      <c r="N98" s="31">
        <v>3782</v>
      </c>
      <c r="O98" s="28">
        <v>-4.9882290645145728</v>
      </c>
    </row>
    <row r="99" spans="1:15" ht="13.8" thickBot="1">
      <c r="A99" s="186"/>
      <c r="B99" s="33"/>
      <c r="C99" s="34"/>
      <c r="D99" s="33"/>
      <c r="E99" s="34"/>
      <c r="F99" s="33"/>
      <c r="G99" s="34"/>
      <c r="H99" s="35">
        <v>16765</v>
      </c>
      <c r="I99" s="36">
        <v>-3.6</v>
      </c>
      <c r="J99" s="37"/>
      <c r="K99" s="34"/>
      <c r="L99" s="33"/>
      <c r="M99" s="34"/>
      <c r="N99" s="33"/>
      <c r="O99" s="34"/>
    </row>
    <row r="100" spans="1:15">
      <c r="A100" s="184" t="s">
        <v>85</v>
      </c>
      <c r="B100" s="17">
        <v>163022</v>
      </c>
      <c r="C100" s="18">
        <v>8.5</v>
      </c>
      <c r="D100" s="17">
        <v>2963441</v>
      </c>
      <c r="E100" s="18">
        <v>6.7</v>
      </c>
      <c r="F100" s="17">
        <v>1</v>
      </c>
      <c r="G100" s="18">
        <v>-10.5</v>
      </c>
      <c r="H100" s="17">
        <v>138439</v>
      </c>
      <c r="I100" s="18">
        <v>9.6</v>
      </c>
      <c r="J100" s="19">
        <v>20376</v>
      </c>
      <c r="K100" s="20">
        <v>3.7</v>
      </c>
      <c r="L100" s="17">
        <v>2</v>
      </c>
      <c r="M100" s="18">
        <v>-96.2</v>
      </c>
      <c r="N100" s="17">
        <v>4204</v>
      </c>
      <c r="O100" s="18">
        <v>-2.3040762549204596</v>
      </c>
    </row>
    <row r="101" spans="1:15">
      <c r="A101" s="185"/>
      <c r="B101" s="21"/>
      <c r="C101" s="22"/>
      <c r="D101" s="21"/>
      <c r="E101" s="22"/>
      <c r="F101" s="21"/>
      <c r="G101" s="22"/>
      <c r="H101" s="23">
        <v>23452</v>
      </c>
      <c r="I101" s="24">
        <v>5.4</v>
      </c>
      <c r="J101" s="25"/>
      <c r="K101" s="26"/>
      <c r="L101" s="21"/>
      <c r="M101" s="22"/>
      <c r="N101" s="21"/>
      <c r="O101" s="22"/>
    </row>
    <row r="102" spans="1:15">
      <c r="A102" s="185"/>
      <c r="B102" s="27">
        <v>232</v>
      </c>
      <c r="C102" s="28">
        <v>9.9</v>
      </c>
      <c r="D102" s="27">
        <v>2091598</v>
      </c>
      <c r="E102" s="28">
        <v>5.8</v>
      </c>
      <c r="F102" s="27">
        <v>0</v>
      </c>
      <c r="G102" s="28">
        <v>0</v>
      </c>
      <c r="H102" s="31">
        <v>225</v>
      </c>
      <c r="I102" s="28">
        <v>10.1</v>
      </c>
      <c r="J102" s="180"/>
      <c r="K102" s="182"/>
      <c r="L102" s="31">
        <v>0</v>
      </c>
      <c r="M102" s="28">
        <v>-70.400000000000006</v>
      </c>
      <c r="N102" s="31">
        <v>7</v>
      </c>
      <c r="O102" s="28">
        <v>3.1067407724098617</v>
      </c>
    </row>
    <row r="103" spans="1:15">
      <c r="A103" s="185"/>
      <c r="B103" s="21"/>
      <c r="C103" s="22"/>
      <c r="D103" s="21"/>
      <c r="E103" s="22"/>
      <c r="F103" s="21"/>
      <c r="G103" s="22"/>
      <c r="H103" s="40">
        <v>31</v>
      </c>
      <c r="I103" s="30">
        <v>9.9</v>
      </c>
      <c r="J103" s="181"/>
      <c r="K103" s="183"/>
      <c r="L103" s="21"/>
      <c r="M103" s="22"/>
      <c r="N103" s="21"/>
      <c r="O103" s="22"/>
    </row>
    <row r="104" spans="1:15">
      <c r="A104" s="185"/>
      <c r="B104" s="31">
        <v>162790</v>
      </c>
      <c r="C104" s="28">
        <v>8.5</v>
      </c>
      <c r="D104" s="31">
        <v>871843</v>
      </c>
      <c r="E104" s="28">
        <v>8.9</v>
      </c>
      <c r="F104" s="31">
        <v>1</v>
      </c>
      <c r="G104" s="28">
        <v>-10.5</v>
      </c>
      <c r="H104" s="31">
        <v>138214</v>
      </c>
      <c r="I104" s="28">
        <v>9.6</v>
      </c>
      <c r="J104" s="32">
        <v>20376</v>
      </c>
      <c r="K104" s="20">
        <v>3.7</v>
      </c>
      <c r="L104" s="31">
        <v>2</v>
      </c>
      <c r="M104" s="28">
        <v>-96.3</v>
      </c>
      <c r="N104" s="31">
        <v>4197</v>
      </c>
      <c r="O104" s="28">
        <v>-2.3129132633669296</v>
      </c>
    </row>
    <row r="105" spans="1:15" ht="13.8" thickBot="1">
      <c r="A105" s="186"/>
      <c r="B105" s="33"/>
      <c r="C105" s="34"/>
      <c r="D105" s="33"/>
      <c r="E105" s="34"/>
      <c r="F105" s="33"/>
      <c r="G105" s="34"/>
      <c r="H105" s="35">
        <v>23421</v>
      </c>
      <c r="I105" s="36">
        <v>5.3</v>
      </c>
      <c r="J105" s="37"/>
      <c r="K105" s="34"/>
      <c r="L105" s="33"/>
      <c r="M105" s="34"/>
      <c r="N105" s="33"/>
      <c r="O105" s="34"/>
    </row>
    <row r="106" spans="1:15">
      <c r="A106" s="184" t="s">
        <v>91</v>
      </c>
      <c r="B106" s="17">
        <v>150731</v>
      </c>
      <c r="C106" s="18">
        <v>4.4000000000000004</v>
      </c>
      <c r="D106" s="17">
        <v>2918916</v>
      </c>
      <c r="E106" s="18">
        <v>3.2</v>
      </c>
      <c r="F106" s="17">
        <v>1</v>
      </c>
      <c r="G106" s="18">
        <v>1.3</v>
      </c>
      <c r="H106" s="17">
        <v>125936</v>
      </c>
      <c r="I106" s="18">
        <v>4.7</v>
      </c>
      <c r="J106" s="19">
        <v>20586</v>
      </c>
      <c r="K106" s="20">
        <v>3.9</v>
      </c>
      <c r="L106" s="17">
        <v>2</v>
      </c>
      <c r="M106" s="18">
        <v>-72</v>
      </c>
      <c r="N106" s="17">
        <v>4206</v>
      </c>
      <c r="O106" s="18">
        <v>-2.6922841130576103</v>
      </c>
    </row>
    <row r="107" spans="1:15">
      <c r="A107" s="185"/>
      <c r="B107" s="21"/>
      <c r="C107" s="22"/>
      <c r="D107" s="21"/>
      <c r="E107" s="22"/>
      <c r="F107" s="21"/>
      <c r="G107" s="22"/>
      <c r="H107" s="23">
        <v>15933</v>
      </c>
      <c r="I107" s="24">
        <v>-5.6</v>
      </c>
      <c r="J107" s="25"/>
      <c r="K107" s="26"/>
      <c r="L107" s="21"/>
      <c r="M107" s="22"/>
      <c r="N107" s="21"/>
      <c r="O107" s="22"/>
    </row>
    <row r="108" spans="1:15">
      <c r="A108" s="185"/>
      <c r="B108" s="27">
        <v>223</v>
      </c>
      <c r="C108" s="28">
        <v>4.8</v>
      </c>
      <c r="D108" s="27">
        <v>2069530</v>
      </c>
      <c r="E108" s="28">
        <v>3.1</v>
      </c>
      <c r="F108" s="27">
        <v>0</v>
      </c>
      <c r="G108" s="28">
        <v>0</v>
      </c>
      <c r="H108" s="31">
        <v>216</v>
      </c>
      <c r="I108" s="28">
        <v>4.9000000000000004</v>
      </c>
      <c r="J108" s="180"/>
      <c r="K108" s="182"/>
      <c r="L108" s="31">
        <v>0</v>
      </c>
      <c r="M108" s="28">
        <v>-88.9</v>
      </c>
      <c r="N108" s="31">
        <v>7</v>
      </c>
      <c r="O108" s="28">
        <v>3.2272796468260005</v>
      </c>
    </row>
    <row r="109" spans="1:15">
      <c r="A109" s="185"/>
      <c r="B109" s="21"/>
      <c r="C109" s="22"/>
      <c r="D109" s="21"/>
      <c r="E109" s="22"/>
      <c r="F109" s="21"/>
      <c r="G109" s="22"/>
      <c r="H109" s="40">
        <v>28</v>
      </c>
      <c r="I109" s="42">
        <v>1.6</v>
      </c>
      <c r="J109" s="181"/>
      <c r="K109" s="183"/>
      <c r="L109" s="21"/>
      <c r="M109" s="22"/>
      <c r="N109" s="21"/>
      <c r="O109" s="22"/>
    </row>
    <row r="110" spans="1:15">
      <c r="A110" s="185"/>
      <c r="B110" s="31">
        <v>150508</v>
      </c>
      <c r="C110" s="28">
        <v>4.4000000000000004</v>
      </c>
      <c r="D110" s="31">
        <v>849386</v>
      </c>
      <c r="E110" s="28">
        <v>3.5</v>
      </c>
      <c r="F110" s="31">
        <v>1</v>
      </c>
      <c r="G110" s="28">
        <v>1.3</v>
      </c>
      <c r="H110" s="31">
        <v>125720</v>
      </c>
      <c r="I110" s="28">
        <v>4.7</v>
      </c>
      <c r="J110" s="32">
        <v>20586</v>
      </c>
      <c r="K110" s="20">
        <v>3.9</v>
      </c>
      <c r="L110" s="31">
        <v>2</v>
      </c>
      <c r="M110" s="28">
        <v>-72</v>
      </c>
      <c r="N110" s="31">
        <v>4199</v>
      </c>
      <c r="O110" s="28">
        <v>-2.7012937424090699</v>
      </c>
    </row>
    <row r="111" spans="1:15" ht="13.8" thickBot="1">
      <c r="A111" s="186"/>
      <c r="B111" s="33"/>
      <c r="C111" s="34"/>
      <c r="D111" s="33"/>
      <c r="E111" s="34"/>
      <c r="F111" s="33"/>
      <c r="G111" s="34"/>
      <c r="H111" s="35">
        <v>15904</v>
      </c>
      <c r="I111" s="36">
        <v>-5.6</v>
      </c>
      <c r="J111" s="37"/>
      <c r="K111" s="34"/>
      <c r="L111" s="33"/>
      <c r="M111" s="34"/>
      <c r="N111" s="33"/>
      <c r="O111" s="34"/>
    </row>
    <row r="112" spans="1:15">
      <c r="A112" s="184" t="s">
        <v>105</v>
      </c>
      <c r="B112" s="17">
        <v>176923</v>
      </c>
      <c r="C112" s="18">
        <v>2.6</v>
      </c>
      <c r="D112" s="17">
        <v>3163621</v>
      </c>
      <c r="E112" s="18">
        <v>2.6</v>
      </c>
      <c r="F112" s="17">
        <v>1</v>
      </c>
      <c r="G112" s="18">
        <v>5.7</v>
      </c>
      <c r="H112" s="17">
        <v>138467</v>
      </c>
      <c r="I112" s="18">
        <v>2.1</v>
      </c>
      <c r="J112" s="19">
        <v>33101</v>
      </c>
      <c r="K112" s="20">
        <v>4.9000000000000004</v>
      </c>
      <c r="L112" s="17">
        <v>3</v>
      </c>
      <c r="M112" s="18">
        <v>-27.6</v>
      </c>
      <c r="N112" s="17">
        <v>5351</v>
      </c>
      <c r="O112" s="18">
        <v>1.3161375047783896</v>
      </c>
    </row>
    <row r="113" spans="1:15">
      <c r="A113" s="185"/>
      <c r="B113" s="21"/>
      <c r="C113" s="22"/>
      <c r="D113" s="21"/>
      <c r="E113" s="22"/>
      <c r="F113" s="21"/>
      <c r="G113" s="22"/>
      <c r="H113" s="23">
        <v>21548</v>
      </c>
      <c r="I113" s="24">
        <v>-9</v>
      </c>
      <c r="J113" s="25"/>
      <c r="K113" s="26"/>
      <c r="L113" s="21"/>
      <c r="M113" s="22"/>
      <c r="N113" s="21"/>
      <c r="O113" s="22"/>
    </row>
    <row r="114" spans="1:15">
      <c r="A114" s="185"/>
      <c r="B114" s="27">
        <v>242</v>
      </c>
      <c r="C114" s="28">
        <v>2.9</v>
      </c>
      <c r="D114" s="27">
        <v>2222744</v>
      </c>
      <c r="E114" s="28">
        <v>1.4</v>
      </c>
      <c r="F114" s="27">
        <v>0</v>
      </c>
      <c r="G114" s="28">
        <v>0</v>
      </c>
      <c r="H114" s="31">
        <v>233</v>
      </c>
      <c r="I114" s="28">
        <v>3</v>
      </c>
      <c r="J114" s="180"/>
      <c r="K114" s="182"/>
      <c r="L114" s="31">
        <v>0</v>
      </c>
      <c r="M114" s="28">
        <v>-55.6</v>
      </c>
      <c r="N114" s="31">
        <v>9</v>
      </c>
      <c r="O114" s="28">
        <v>0.2590673575129534</v>
      </c>
    </row>
    <row r="115" spans="1:15">
      <c r="A115" s="185"/>
      <c r="B115" s="21"/>
      <c r="C115" s="22"/>
      <c r="D115" s="21"/>
      <c r="E115" s="22"/>
      <c r="F115" s="21"/>
      <c r="G115" s="22"/>
      <c r="H115" s="40">
        <v>29</v>
      </c>
      <c r="I115" s="42">
        <v>-1.4</v>
      </c>
      <c r="J115" s="181"/>
      <c r="K115" s="183"/>
      <c r="L115" s="21"/>
      <c r="M115" s="22"/>
      <c r="N115" s="21"/>
      <c r="O115" s="22"/>
    </row>
    <row r="116" spans="1:15">
      <c r="A116" s="185"/>
      <c r="B116" s="31">
        <v>176682</v>
      </c>
      <c r="C116" s="28">
        <v>2.6</v>
      </c>
      <c r="D116" s="31">
        <v>940876</v>
      </c>
      <c r="E116" s="28">
        <v>5.3</v>
      </c>
      <c r="F116" s="31">
        <v>1</v>
      </c>
      <c r="G116" s="28">
        <v>5.7</v>
      </c>
      <c r="H116" s="31">
        <v>138234</v>
      </c>
      <c r="I116" s="28">
        <v>2.1</v>
      </c>
      <c r="J116" s="32">
        <v>33101</v>
      </c>
      <c r="K116" s="20">
        <v>4.9000000000000004</v>
      </c>
      <c r="L116" s="31">
        <v>3</v>
      </c>
      <c r="M116" s="28">
        <v>-27.5</v>
      </c>
      <c r="N116" s="31">
        <v>5343</v>
      </c>
      <c r="O116" s="28">
        <v>1.3178398509112004</v>
      </c>
    </row>
    <row r="117" spans="1:15" ht="13.8" thickBot="1">
      <c r="A117" s="186"/>
      <c r="B117" s="33"/>
      <c r="C117" s="34"/>
      <c r="D117" s="33"/>
      <c r="E117" s="34"/>
      <c r="F117" s="33"/>
      <c r="G117" s="34"/>
      <c r="H117" s="35">
        <v>21518</v>
      </c>
      <c r="I117" s="36">
        <v>-9</v>
      </c>
      <c r="J117" s="33"/>
      <c r="K117" s="34"/>
      <c r="L117" s="33"/>
      <c r="M117" s="34"/>
      <c r="N117" s="33"/>
      <c r="O117" s="34"/>
    </row>
    <row r="118" spans="1:15">
      <c r="A118" s="241" t="s">
        <v>109</v>
      </c>
    </row>
    <row r="119" spans="1:15">
      <c r="A119" s="43" t="s">
        <v>110</v>
      </c>
    </row>
    <row r="120" spans="1:15">
      <c r="A120" s="43" t="s">
        <v>111</v>
      </c>
    </row>
    <row r="121" spans="1:15">
      <c r="A121" s="43" t="s">
        <v>112</v>
      </c>
    </row>
    <row r="122" spans="1:15">
      <c r="A122" s="43" t="s">
        <v>113</v>
      </c>
    </row>
    <row r="123" spans="1:15">
      <c r="A123" s="43" t="s">
        <v>114</v>
      </c>
    </row>
  </sheetData>
  <sheetProtection formatCells="0" formatColumns="0" formatRows="0"/>
  <mergeCells count="61">
    <mergeCell ref="A106:A111"/>
    <mergeCell ref="J108:J109"/>
    <mergeCell ref="K108:K109"/>
    <mergeCell ref="A112:A117"/>
    <mergeCell ref="J114:J115"/>
    <mergeCell ref="K114:K115"/>
    <mergeCell ref="A94:A99"/>
    <mergeCell ref="J96:J97"/>
    <mergeCell ref="K96:K97"/>
    <mergeCell ref="A100:A105"/>
    <mergeCell ref="J102:J103"/>
    <mergeCell ref="K102:K103"/>
    <mergeCell ref="A82:A87"/>
    <mergeCell ref="J84:J85"/>
    <mergeCell ref="K84:K85"/>
    <mergeCell ref="A88:A93"/>
    <mergeCell ref="J90:J91"/>
    <mergeCell ref="K90:K91"/>
    <mergeCell ref="A70:A75"/>
    <mergeCell ref="J72:J73"/>
    <mergeCell ref="K72:K73"/>
    <mergeCell ref="A76:A81"/>
    <mergeCell ref="J78:J79"/>
    <mergeCell ref="K78:K79"/>
    <mergeCell ref="A58:A63"/>
    <mergeCell ref="J60:J61"/>
    <mergeCell ref="K60:K61"/>
    <mergeCell ref="A64:A69"/>
    <mergeCell ref="J66:J67"/>
    <mergeCell ref="K66:K67"/>
    <mergeCell ref="A46:A51"/>
    <mergeCell ref="J48:J49"/>
    <mergeCell ref="K48:K49"/>
    <mergeCell ref="A52:A57"/>
    <mergeCell ref="J54:J55"/>
    <mergeCell ref="K54:K55"/>
    <mergeCell ref="A34:A39"/>
    <mergeCell ref="J36:J37"/>
    <mergeCell ref="K36:K37"/>
    <mergeCell ref="A40:A45"/>
    <mergeCell ref="J42:J43"/>
    <mergeCell ref="K42:K43"/>
    <mergeCell ref="A22:A27"/>
    <mergeCell ref="J24:J25"/>
    <mergeCell ref="K24:K25"/>
    <mergeCell ref="A28:A33"/>
    <mergeCell ref="J30:J31"/>
    <mergeCell ref="K30:K31"/>
    <mergeCell ref="A10:A15"/>
    <mergeCell ref="J12:J13"/>
    <mergeCell ref="K12:K13"/>
    <mergeCell ref="A16:A21"/>
    <mergeCell ref="J18:J19"/>
    <mergeCell ref="K18:K19"/>
    <mergeCell ref="F5:O5"/>
    <mergeCell ref="B6:E6"/>
    <mergeCell ref="F6:G8"/>
    <mergeCell ref="H6:I8"/>
    <mergeCell ref="J6:K8"/>
    <mergeCell ref="L6:M8"/>
    <mergeCell ref="N6:O8"/>
  </mergeCells>
  <phoneticPr fontId="6"/>
  <conditionalFormatting sqref="A40 A46 A52 A58 A64 A70 A76 A82 A88 A94 A100 A106">
    <cfRule type="cellIs" dxfId="0" priority="1" operator="between">
      <formula>43586</formula>
      <formula>43830</formula>
    </cfRule>
  </conditionalFormatting>
  <printOptions horizontalCentered="1" gridLinesSet="0"/>
  <pageMargins left="0.39370078740157483" right="0.31496062992125984" top="0.74803149606299213" bottom="0.78740157480314965" header="0.23622047244094491" footer="0.31496062992125984"/>
  <pageSetup paperSize="9" scale="47" orientation="portrait" r:id="rId1"/>
  <headerFooter alignWithMargins="0">
    <oddFooter>&amp;C&amp;"ＭＳ 明朝,標準"&amp;22 &amp;"ＭＳ ゴシック,標準"３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79A51E-E117-4ABE-87D1-3308F79D0CD9}">
  <sheetPr>
    <pageSetUpPr fitToPage="1"/>
  </sheetPr>
  <dimension ref="A2:AH28"/>
  <sheetViews>
    <sheetView windowProtection="1" showGridLines="0" topLeftCell="A18" zoomScale="75" zoomScaleNormal="75" zoomScaleSheetLayoutView="70" workbookViewId="0">
      <selection activeCell="G62" sqref="G62"/>
    </sheetView>
  </sheetViews>
  <sheetFormatPr defaultColWidth="9" defaultRowHeight="13.2"/>
  <cols>
    <col min="1" max="1" width="12.44140625" style="43" customWidth="1"/>
    <col min="2" max="2" width="11.109375" style="43" bestFit="1" customWidth="1"/>
    <col min="3" max="3" width="9.109375" style="43" customWidth="1"/>
    <col min="4" max="4" width="11.109375" style="43" customWidth="1"/>
    <col min="5" max="5" width="9.109375" style="43" customWidth="1"/>
    <col min="6" max="6" width="11.109375" style="43" customWidth="1"/>
    <col min="7" max="7" width="9.109375" style="43" customWidth="1"/>
    <col min="8" max="8" width="11.109375" style="43" customWidth="1"/>
    <col min="9" max="9" width="9.109375" style="43" customWidth="1"/>
    <col min="10" max="10" width="11.109375" style="43" customWidth="1"/>
    <col min="11" max="11" width="9.109375" style="43" customWidth="1"/>
    <col min="12" max="12" width="11.109375" style="43" customWidth="1"/>
    <col min="13" max="13" width="9.109375" style="43" customWidth="1"/>
    <col min="14" max="14" width="11.109375" style="43" customWidth="1"/>
    <col min="15" max="15" width="9.109375" style="43" customWidth="1"/>
    <col min="16" max="16" width="11.109375" style="43" customWidth="1"/>
    <col min="17" max="17" width="9.109375" style="43" customWidth="1"/>
    <col min="18" max="18" width="11.109375" style="43" customWidth="1"/>
    <col min="19" max="19" width="9.109375" style="77" customWidth="1"/>
    <col min="20" max="20" width="11.109375" style="43" customWidth="1"/>
    <col min="21" max="21" width="10.33203125" style="43" customWidth="1"/>
    <col min="22" max="22" width="11.109375" style="43" customWidth="1"/>
    <col min="23" max="23" width="9.109375" style="43" customWidth="1"/>
    <col min="24" max="24" width="11.109375" style="43" customWidth="1"/>
    <col min="25" max="25" width="9.109375" style="43" customWidth="1"/>
    <col min="26" max="26" width="11.109375" style="43" customWidth="1"/>
    <col min="27" max="27" width="9.109375" style="43" customWidth="1"/>
    <col min="28" max="28" width="3.109375" style="43" customWidth="1"/>
    <col min="29" max="29" width="8.33203125" style="43" customWidth="1"/>
    <col min="30" max="30" width="9" style="43"/>
    <col min="31" max="31" width="9.44140625" style="43" customWidth="1"/>
    <col min="32" max="32" width="9.6640625" style="43" customWidth="1"/>
    <col min="33" max="16384" width="9" style="43"/>
  </cols>
  <sheetData>
    <row r="2" spans="1:29" ht="25.5" customHeight="1" thickBot="1">
      <c r="A2" s="10" t="s">
        <v>63</v>
      </c>
      <c r="B2" s="10"/>
      <c r="C2" s="10"/>
      <c r="D2" s="10"/>
      <c r="E2" s="10"/>
      <c r="F2" s="10"/>
      <c r="G2" s="10"/>
      <c r="H2" s="10"/>
      <c r="I2" s="10"/>
      <c r="J2" s="10"/>
      <c r="K2" s="10"/>
      <c r="L2" s="10"/>
      <c r="M2" s="10"/>
      <c r="N2" s="121" t="s">
        <v>47</v>
      </c>
      <c r="O2" s="10"/>
      <c r="P2" s="10"/>
      <c r="Q2" s="10"/>
      <c r="R2" s="10"/>
      <c r="S2" s="120"/>
      <c r="T2" s="10"/>
      <c r="U2" s="119"/>
      <c r="V2" s="119"/>
      <c r="W2" s="119"/>
      <c r="X2" s="10"/>
      <c r="Y2" s="216" t="s">
        <v>62</v>
      </c>
      <c r="Z2" s="216"/>
      <c r="AA2" s="216"/>
    </row>
    <row r="3" spans="1:29" s="48" customFormat="1" ht="25.5" customHeight="1" thickBot="1">
      <c r="A3" s="118"/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  <c r="M3" s="117"/>
      <c r="N3" s="117"/>
      <c r="O3" s="117"/>
      <c r="P3" s="117"/>
      <c r="Q3" s="117"/>
      <c r="R3" s="117"/>
      <c r="S3" s="117"/>
      <c r="T3" s="117"/>
      <c r="U3" s="117"/>
      <c r="V3" s="117"/>
      <c r="W3" s="117"/>
      <c r="X3" s="117"/>
      <c r="Y3" s="117"/>
      <c r="Z3" s="117"/>
      <c r="AA3" s="116"/>
      <c r="AB3" s="110"/>
    </row>
    <row r="4" spans="1:29" s="48" customFormat="1" ht="25.5" customHeight="1" thickBot="1">
      <c r="A4" s="66" t="s">
        <v>1</v>
      </c>
      <c r="B4" s="6"/>
      <c r="C4" s="6"/>
      <c r="D4" s="6"/>
      <c r="E4" s="6"/>
      <c r="F4" s="159" t="s">
        <v>7</v>
      </c>
      <c r="G4" s="160"/>
      <c r="H4" s="160"/>
      <c r="I4" s="160"/>
      <c r="J4" s="160"/>
      <c r="K4" s="160"/>
      <c r="L4" s="160"/>
      <c r="M4" s="160"/>
      <c r="N4" s="160"/>
      <c r="O4" s="160"/>
      <c r="P4" s="160"/>
      <c r="Q4" s="160"/>
      <c r="R4" s="160"/>
      <c r="S4" s="160"/>
      <c r="T4" s="160"/>
      <c r="U4" s="160"/>
      <c r="V4" s="160"/>
      <c r="W4" s="160"/>
      <c r="X4" s="217"/>
      <c r="Y4" s="217"/>
      <c r="Z4" s="217"/>
      <c r="AA4" s="218"/>
      <c r="AB4" s="115"/>
      <c r="AC4" s="114"/>
    </row>
    <row r="5" spans="1:29" s="48" customFormat="1" ht="36.75" customHeight="1">
      <c r="A5" s="113" t="s">
        <v>2</v>
      </c>
      <c r="B5" s="219" t="s">
        <v>9</v>
      </c>
      <c r="C5" s="220"/>
      <c r="D5" s="220"/>
      <c r="E5" s="220"/>
      <c r="F5" s="197" t="s">
        <v>61</v>
      </c>
      <c r="G5" s="203"/>
      <c r="H5" s="197" t="s">
        <v>60</v>
      </c>
      <c r="I5" s="203"/>
      <c r="J5" s="197" t="s">
        <v>59</v>
      </c>
      <c r="K5" s="203"/>
      <c r="L5" s="197" t="s">
        <v>58</v>
      </c>
      <c r="M5" s="203"/>
      <c r="N5" s="221" t="s">
        <v>57</v>
      </c>
      <c r="O5" s="222"/>
      <c r="P5" s="221" t="s">
        <v>56</v>
      </c>
      <c r="Q5" s="222"/>
      <c r="R5" s="221" t="s">
        <v>55</v>
      </c>
      <c r="S5" s="222"/>
      <c r="T5" s="221" t="s">
        <v>54</v>
      </c>
      <c r="U5" s="222"/>
      <c r="V5" s="225" t="s">
        <v>53</v>
      </c>
      <c r="W5" s="226"/>
      <c r="X5" s="221" t="s">
        <v>52</v>
      </c>
      <c r="Y5" s="222"/>
      <c r="Z5" s="221" t="s">
        <v>51</v>
      </c>
      <c r="AA5" s="222"/>
      <c r="AB5" s="112"/>
      <c r="AC5" s="111"/>
    </row>
    <row r="6" spans="1:29" s="48" customFormat="1" ht="36.75" customHeight="1" thickBot="1">
      <c r="A6" s="66" t="s">
        <v>3</v>
      </c>
      <c r="B6" s="6"/>
      <c r="C6" s="6"/>
      <c r="D6" s="6"/>
      <c r="E6" s="6"/>
      <c r="F6" s="201"/>
      <c r="G6" s="205"/>
      <c r="H6" s="201"/>
      <c r="I6" s="205"/>
      <c r="J6" s="201"/>
      <c r="K6" s="205"/>
      <c r="L6" s="201"/>
      <c r="M6" s="205"/>
      <c r="N6" s="223"/>
      <c r="O6" s="224"/>
      <c r="P6" s="223"/>
      <c r="Q6" s="224"/>
      <c r="R6" s="223"/>
      <c r="S6" s="224"/>
      <c r="T6" s="223"/>
      <c r="U6" s="224"/>
      <c r="V6" s="227" t="s">
        <v>50</v>
      </c>
      <c r="W6" s="228"/>
      <c r="X6" s="223"/>
      <c r="Y6" s="224"/>
      <c r="Z6" s="223"/>
      <c r="AA6" s="224"/>
      <c r="AB6" s="110"/>
    </row>
    <row r="7" spans="1:29" s="48" customFormat="1" ht="25.5" customHeight="1" thickBot="1">
      <c r="A7" s="109" t="s">
        <v>47</v>
      </c>
      <c r="B7" s="107" t="s">
        <v>4</v>
      </c>
      <c r="C7" s="76" t="s">
        <v>5</v>
      </c>
      <c r="D7" s="106" t="s">
        <v>6</v>
      </c>
      <c r="E7" s="105" t="s">
        <v>5</v>
      </c>
      <c r="F7" s="107" t="s">
        <v>4</v>
      </c>
      <c r="G7" s="76" t="s">
        <v>5</v>
      </c>
      <c r="H7" s="106" t="s">
        <v>4</v>
      </c>
      <c r="I7" s="105" t="s">
        <v>5</v>
      </c>
      <c r="J7" s="107" t="s">
        <v>4</v>
      </c>
      <c r="K7" s="76" t="s">
        <v>5</v>
      </c>
      <c r="L7" s="106" t="s">
        <v>4</v>
      </c>
      <c r="M7" s="105" t="s">
        <v>5</v>
      </c>
      <c r="N7" s="107" t="s">
        <v>4</v>
      </c>
      <c r="O7" s="76" t="s">
        <v>5</v>
      </c>
      <c r="P7" s="106" t="s">
        <v>4</v>
      </c>
      <c r="Q7" s="105" t="s">
        <v>5</v>
      </c>
      <c r="R7" s="107" t="s">
        <v>4</v>
      </c>
      <c r="S7" s="108" t="s">
        <v>5</v>
      </c>
      <c r="T7" s="106" t="s">
        <v>4</v>
      </c>
      <c r="U7" s="105" t="s">
        <v>5</v>
      </c>
      <c r="V7" s="107" t="s">
        <v>4</v>
      </c>
      <c r="W7" s="76" t="s">
        <v>5</v>
      </c>
      <c r="X7" s="106" t="s">
        <v>4</v>
      </c>
      <c r="Y7" s="105" t="s">
        <v>5</v>
      </c>
      <c r="Z7" s="106" t="s">
        <v>4</v>
      </c>
      <c r="AA7" s="105" t="s">
        <v>5</v>
      </c>
      <c r="AB7" s="104"/>
      <c r="AC7" s="103"/>
    </row>
    <row r="8" spans="1:29" s="48" customFormat="1" ht="25.5" customHeight="1">
      <c r="A8" s="102" t="s">
        <v>49</v>
      </c>
      <c r="B8" s="100">
        <v>390891</v>
      </c>
      <c r="C8" s="99">
        <v>2.5902832061357723</v>
      </c>
      <c r="D8" s="98">
        <v>485247</v>
      </c>
      <c r="E8" s="97">
        <v>15.51480170062543</v>
      </c>
      <c r="F8" s="100">
        <v>352</v>
      </c>
      <c r="G8" s="99">
        <v>-2.9</v>
      </c>
      <c r="H8" s="98">
        <v>19368</v>
      </c>
      <c r="I8" s="97">
        <v>1</v>
      </c>
      <c r="J8" s="100">
        <v>87160</v>
      </c>
      <c r="K8" s="99">
        <v>15.3</v>
      </c>
      <c r="L8" s="98">
        <v>7623</v>
      </c>
      <c r="M8" s="97">
        <v>14.9</v>
      </c>
      <c r="N8" s="101">
        <v>0</v>
      </c>
      <c r="O8" s="99">
        <v>0</v>
      </c>
      <c r="P8" s="98">
        <v>14558</v>
      </c>
      <c r="Q8" s="97">
        <v>-16.2</v>
      </c>
      <c r="R8" s="100">
        <v>17913</v>
      </c>
      <c r="S8" s="99">
        <v>-1.3</v>
      </c>
      <c r="T8" s="98">
        <v>1</v>
      </c>
      <c r="U8" s="97">
        <v>-32.700000000000003</v>
      </c>
      <c r="V8" s="100">
        <v>21224</v>
      </c>
      <c r="W8" s="99">
        <v>-8.3036569193691854</v>
      </c>
      <c r="X8" s="98">
        <v>205101</v>
      </c>
      <c r="Y8" s="97">
        <v>1.0141500284185943</v>
      </c>
      <c r="Z8" s="98">
        <v>17591</v>
      </c>
      <c r="AA8" s="97">
        <v>0.54831735543803339</v>
      </c>
      <c r="AB8" s="79"/>
      <c r="AC8" s="78"/>
    </row>
    <row r="9" spans="1:29" s="48" customFormat="1" ht="25.5" customHeight="1">
      <c r="A9" s="96" t="s">
        <v>21</v>
      </c>
      <c r="B9" s="94">
        <v>411446</v>
      </c>
      <c r="C9" s="91">
        <v>5.2586226387844528</v>
      </c>
      <c r="D9" s="92">
        <v>531736</v>
      </c>
      <c r="E9" s="93">
        <v>9.580502757676399</v>
      </c>
      <c r="F9" s="94">
        <v>320</v>
      </c>
      <c r="G9" s="91">
        <v>-9.1</v>
      </c>
      <c r="H9" s="92">
        <v>20975</v>
      </c>
      <c r="I9" s="91">
        <v>8.3000000000000007</v>
      </c>
      <c r="J9" s="94">
        <v>92596</v>
      </c>
      <c r="K9" s="91">
        <v>6.2</v>
      </c>
      <c r="L9" s="92">
        <v>8417</v>
      </c>
      <c r="M9" s="91">
        <v>10.4</v>
      </c>
      <c r="N9" s="95">
        <v>0</v>
      </c>
      <c r="O9" s="91">
        <v>0</v>
      </c>
      <c r="P9" s="92">
        <v>17322</v>
      </c>
      <c r="Q9" s="91">
        <v>19</v>
      </c>
      <c r="R9" s="94">
        <v>17898</v>
      </c>
      <c r="S9" s="91">
        <v>-0.1</v>
      </c>
      <c r="T9" s="92">
        <v>1</v>
      </c>
      <c r="U9" s="91">
        <v>-19</v>
      </c>
      <c r="V9" s="94">
        <v>21710</v>
      </c>
      <c r="W9" s="91">
        <v>2.2885888455240928</v>
      </c>
      <c r="X9" s="92">
        <v>214599</v>
      </c>
      <c r="Y9" s="93">
        <v>4.6310647029471204</v>
      </c>
      <c r="Z9" s="92">
        <v>17608</v>
      </c>
      <c r="AA9" s="93">
        <v>9.4716435069388233E-2</v>
      </c>
      <c r="AB9" s="79"/>
      <c r="AC9" s="78"/>
    </row>
    <row r="10" spans="1:29" s="48" customFormat="1" ht="25.5" customHeight="1">
      <c r="A10" s="96" t="s">
        <v>22</v>
      </c>
      <c r="B10" s="94">
        <v>445952</v>
      </c>
      <c r="C10" s="91">
        <v>8.3864983656793601</v>
      </c>
      <c r="D10" s="92">
        <v>551398</v>
      </c>
      <c r="E10" s="91">
        <v>3.6975725680027707</v>
      </c>
      <c r="F10" s="94">
        <v>256</v>
      </c>
      <c r="G10" s="91">
        <v>-20</v>
      </c>
      <c r="H10" s="92">
        <v>28892</v>
      </c>
      <c r="I10" s="91">
        <v>37.700000000000003</v>
      </c>
      <c r="J10" s="94">
        <v>96631</v>
      </c>
      <c r="K10" s="91">
        <v>4.4000000000000004</v>
      </c>
      <c r="L10" s="92">
        <v>9530</v>
      </c>
      <c r="M10" s="91">
        <v>13.2</v>
      </c>
      <c r="N10" s="95">
        <v>0</v>
      </c>
      <c r="O10" s="91">
        <v>0</v>
      </c>
      <c r="P10" s="92">
        <v>17018</v>
      </c>
      <c r="Q10" s="91">
        <v>-1.8</v>
      </c>
      <c r="R10" s="94">
        <v>16321</v>
      </c>
      <c r="S10" s="91">
        <v>-8.8000000000000007</v>
      </c>
      <c r="T10" s="92">
        <v>1</v>
      </c>
      <c r="U10" s="91">
        <v>-4.2</v>
      </c>
      <c r="V10" s="94">
        <v>22786</v>
      </c>
      <c r="W10" s="91">
        <v>4.9575976873216199</v>
      </c>
      <c r="X10" s="92">
        <v>235914</v>
      </c>
      <c r="Y10" s="91">
        <v>9.932373818982434</v>
      </c>
      <c r="Z10" s="92">
        <v>18604</v>
      </c>
      <c r="AA10" s="91">
        <v>5.6532787887950322</v>
      </c>
      <c r="AB10" s="79"/>
      <c r="AC10" s="78"/>
    </row>
    <row r="11" spans="1:29" s="48" customFormat="1" ht="25.5" customHeight="1">
      <c r="A11" s="96" t="s">
        <v>23</v>
      </c>
      <c r="B11" s="94">
        <v>451058</v>
      </c>
      <c r="C11" s="91">
        <v>1.1448666334173572</v>
      </c>
      <c r="D11" s="92">
        <v>577255</v>
      </c>
      <c r="E11" s="91">
        <v>4.6893353357111938</v>
      </c>
      <c r="F11" s="94">
        <v>220</v>
      </c>
      <c r="G11" s="91">
        <v>-14.1</v>
      </c>
      <c r="H11" s="92">
        <v>27763</v>
      </c>
      <c r="I11" s="91">
        <v>-3.9</v>
      </c>
      <c r="J11" s="94">
        <v>103173</v>
      </c>
      <c r="K11" s="91">
        <v>6.8</v>
      </c>
      <c r="L11" s="92">
        <v>10317</v>
      </c>
      <c r="M11" s="91">
        <v>8.3000000000000007</v>
      </c>
      <c r="N11" s="95">
        <v>0</v>
      </c>
      <c r="O11" s="91">
        <v>0</v>
      </c>
      <c r="P11" s="92">
        <v>14435</v>
      </c>
      <c r="Q11" s="91">
        <v>-15.2</v>
      </c>
      <c r="R11" s="94">
        <v>17048</v>
      </c>
      <c r="S11" s="91">
        <v>4.5</v>
      </c>
      <c r="T11" s="92">
        <v>0</v>
      </c>
      <c r="U11" s="91">
        <v>-34.200000000000003</v>
      </c>
      <c r="V11" s="94">
        <v>22337</v>
      </c>
      <c r="W11" s="91">
        <v>-1.969295025120668</v>
      </c>
      <c r="X11" s="92">
        <v>236846</v>
      </c>
      <c r="Y11" s="91">
        <v>0.39516458735386428</v>
      </c>
      <c r="Z11" s="92">
        <v>18919</v>
      </c>
      <c r="AA11" s="91">
        <v>1.6961597767824361</v>
      </c>
      <c r="AB11" s="79"/>
      <c r="AC11" s="78"/>
    </row>
    <row r="12" spans="1:29" s="48" customFormat="1" ht="25.5" customHeight="1">
      <c r="A12" s="96" t="s">
        <v>27</v>
      </c>
      <c r="B12" s="94">
        <v>457641</v>
      </c>
      <c r="C12" s="91">
        <v>1.4595911709073568</v>
      </c>
      <c r="D12" s="92">
        <v>621328</v>
      </c>
      <c r="E12" s="91">
        <v>7.6349164099414359</v>
      </c>
      <c r="F12" s="94">
        <v>178</v>
      </c>
      <c r="G12" s="91">
        <v>-19.2</v>
      </c>
      <c r="H12" s="92">
        <v>27577</v>
      </c>
      <c r="I12" s="91">
        <v>-0.7</v>
      </c>
      <c r="J12" s="94">
        <v>105018</v>
      </c>
      <c r="K12" s="91">
        <v>1.8</v>
      </c>
      <c r="L12" s="92">
        <v>10723</v>
      </c>
      <c r="M12" s="91">
        <v>3.9</v>
      </c>
      <c r="N12" s="95">
        <v>0</v>
      </c>
      <c r="O12" s="91">
        <v>0</v>
      </c>
      <c r="P12" s="92">
        <v>17586</v>
      </c>
      <c r="Q12" s="91">
        <v>21.8</v>
      </c>
      <c r="R12" s="94">
        <v>18584</v>
      </c>
      <c r="S12" s="91">
        <v>9</v>
      </c>
      <c r="T12" s="92">
        <v>0</v>
      </c>
      <c r="U12" s="91">
        <v>-100</v>
      </c>
      <c r="V12" s="94">
        <v>21979</v>
      </c>
      <c r="W12" s="91">
        <v>-1.6050696645970006</v>
      </c>
      <c r="X12" s="92">
        <v>236661</v>
      </c>
      <c r="Y12" s="93">
        <v>-7.8033034195583911E-2</v>
      </c>
      <c r="Z12" s="92">
        <v>19335</v>
      </c>
      <c r="AA12" s="91">
        <v>2.2000412281768162</v>
      </c>
      <c r="AB12" s="79"/>
      <c r="AC12" s="78"/>
    </row>
    <row r="13" spans="1:29" s="48" customFormat="1" ht="25.5" customHeight="1">
      <c r="A13" s="90" t="s">
        <v>24</v>
      </c>
      <c r="B13" s="88">
        <v>66213</v>
      </c>
      <c r="C13" s="86">
        <v>1.6775237014252251</v>
      </c>
      <c r="D13" s="87">
        <v>100979</v>
      </c>
      <c r="E13" s="86">
        <v>8.1735573346771027</v>
      </c>
      <c r="F13" s="88">
        <v>16</v>
      </c>
      <c r="G13" s="86">
        <v>-18.399999999999999</v>
      </c>
      <c r="H13" s="87">
        <v>2894</v>
      </c>
      <c r="I13" s="86">
        <v>-2.5</v>
      </c>
      <c r="J13" s="88">
        <v>9644</v>
      </c>
      <c r="K13" s="86">
        <v>4.2</v>
      </c>
      <c r="L13" s="87">
        <v>4416</v>
      </c>
      <c r="M13" s="86">
        <v>1.7</v>
      </c>
      <c r="N13" s="89">
        <v>0</v>
      </c>
      <c r="O13" s="86">
        <v>0</v>
      </c>
      <c r="P13" s="87">
        <v>2872</v>
      </c>
      <c r="Q13" s="86">
        <v>29.1</v>
      </c>
      <c r="R13" s="88">
        <v>5093</v>
      </c>
      <c r="S13" s="86">
        <v>8.6</v>
      </c>
      <c r="T13" s="87">
        <v>0</v>
      </c>
      <c r="U13" s="86">
        <v>-100</v>
      </c>
      <c r="V13" s="88">
        <v>1579</v>
      </c>
      <c r="W13" s="86">
        <v>-21.58353591462037</v>
      </c>
      <c r="X13" s="87">
        <v>39291</v>
      </c>
      <c r="Y13" s="86">
        <v>0.25430071284473121</v>
      </c>
      <c r="Z13" s="87">
        <v>407</v>
      </c>
      <c r="AA13" s="86">
        <v>-1.4741967176618058</v>
      </c>
      <c r="AB13" s="79"/>
      <c r="AC13" s="78"/>
    </row>
    <row r="14" spans="1:29" s="48" customFormat="1" ht="25.5" customHeight="1">
      <c r="A14" s="90" t="s">
        <v>25</v>
      </c>
      <c r="B14" s="88">
        <v>13350</v>
      </c>
      <c r="C14" s="86">
        <v>-7.1290493471546785</v>
      </c>
      <c r="D14" s="87">
        <v>35600</v>
      </c>
      <c r="E14" s="86">
        <v>2.2466714515851551</v>
      </c>
      <c r="F14" s="88">
        <v>13</v>
      </c>
      <c r="G14" s="86">
        <v>-20.6</v>
      </c>
      <c r="H14" s="87">
        <v>2001</v>
      </c>
      <c r="I14" s="86">
        <v>-10.3</v>
      </c>
      <c r="J14" s="88">
        <v>8385</v>
      </c>
      <c r="K14" s="86">
        <v>0.7</v>
      </c>
      <c r="L14" s="87">
        <v>129</v>
      </c>
      <c r="M14" s="86">
        <v>61.4</v>
      </c>
      <c r="N14" s="89">
        <v>0</v>
      </c>
      <c r="O14" s="86">
        <v>0</v>
      </c>
      <c r="P14" s="87">
        <v>207</v>
      </c>
      <c r="Q14" s="86">
        <v>4.5999999999999996</v>
      </c>
      <c r="R14" s="88">
        <v>110</v>
      </c>
      <c r="S14" s="86">
        <v>15.1</v>
      </c>
      <c r="T14" s="87">
        <v>0</v>
      </c>
      <c r="U14" s="86">
        <v>-100</v>
      </c>
      <c r="V14" s="88">
        <v>1966</v>
      </c>
      <c r="W14" s="86">
        <v>-28.400729369580397</v>
      </c>
      <c r="X14" s="87">
        <v>128</v>
      </c>
      <c r="Y14" s="86">
        <v>-52.868539639203249</v>
      </c>
      <c r="Z14" s="87">
        <v>409</v>
      </c>
      <c r="AA14" s="86">
        <v>1.1628711501205866</v>
      </c>
      <c r="AB14" s="79"/>
      <c r="AC14" s="78"/>
    </row>
    <row r="15" spans="1:29" s="48" customFormat="1" ht="25.5" customHeight="1">
      <c r="A15" s="90" t="s">
        <v>26</v>
      </c>
      <c r="B15" s="88">
        <v>56356</v>
      </c>
      <c r="C15" s="86">
        <v>0.45199704021907927</v>
      </c>
      <c r="D15" s="87">
        <v>38268</v>
      </c>
      <c r="E15" s="86">
        <v>8.7674116400480226</v>
      </c>
      <c r="F15" s="88">
        <v>14</v>
      </c>
      <c r="G15" s="86">
        <v>-12.8</v>
      </c>
      <c r="H15" s="87">
        <v>2490</v>
      </c>
      <c r="I15" s="86">
        <v>-11.8</v>
      </c>
      <c r="J15" s="88">
        <v>8603</v>
      </c>
      <c r="K15" s="86">
        <v>2.2000000000000002</v>
      </c>
      <c r="L15" s="87">
        <v>133</v>
      </c>
      <c r="M15" s="86">
        <v>42.6</v>
      </c>
      <c r="N15" s="89">
        <v>0</v>
      </c>
      <c r="O15" s="86">
        <v>0</v>
      </c>
      <c r="P15" s="87">
        <v>2853</v>
      </c>
      <c r="Q15" s="86">
        <v>29</v>
      </c>
      <c r="R15" s="88">
        <v>147</v>
      </c>
      <c r="S15" s="86">
        <v>4.2</v>
      </c>
      <c r="T15" s="87">
        <v>0</v>
      </c>
      <c r="U15" s="86">
        <v>-100</v>
      </c>
      <c r="V15" s="88">
        <v>1292</v>
      </c>
      <c r="W15" s="86">
        <v>-18.674331262926923</v>
      </c>
      <c r="X15" s="87">
        <v>39100</v>
      </c>
      <c r="Y15" s="242">
        <v>-4.9025789534510493E-3</v>
      </c>
      <c r="Z15" s="87">
        <v>1725</v>
      </c>
      <c r="AA15" s="86">
        <v>0.67923295280495033</v>
      </c>
      <c r="AB15" s="79"/>
      <c r="AC15" s="78"/>
    </row>
    <row r="16" spans="1:29" s="48" customFormat="1" ht="25.5" customHeight="1">
      <c r="A16" s="90" t="s">
        <v>28</v>
      </c>
      <c r="B16" s="88">
        <v>22129</v>
      </c>
      <c r="C16" s="86">
        <v>1.3012221729499767</v>
      </c>
      <c r="D16" s="87">
        <v>44992</v>
      </c>
      <c r="E16" s="86">
        <v>2.2149568656370215</v>
      </c>
      <c r="F16" s="88">
        <v>16</v>
      </c>
      <c r="G16" s="86">
        <v>-14.6</v>
      </c>
      <c r="H16" s="87">
        <v>2155</v>
      </c>
      <c r="I16" s="86">
        <v>-17.5</v>
      </c>
      <c r="J16" s="88">
        <v>8882</v>
      </c>
      <c r="K16" s="86">
        <v>1.5</v>
      </c>
      <c r="L16" s="87">
        <v>591</v>
      </c>
      <c r="M16" s="86">
        <v>8.6</v>
      </c>
      <c r="N16" s="89">
        <v>0</v>
      </c>
      <c r="O16" s="86">
        <v>0</v>
      </c>
      <c r="P16" s="87">
        <v>214</v>
      </c>
      <c r="Q16" s="86">
        <v>1.2</v>
      </c>
      <c r="R16" s="88">
        <v>1133</v>
      </c>
      <c r="S16" s="86">
        <v>6.6</v>
      </c>
      <c r="T16" s="87">
        <v>0</v>
      </c>
      <c r="U16" s="86">
        <v>0</v>
      </c>
      <c r="V16" s="88">
        <v>1161</v>
      </c>
      <c r="W16" s="86">
        <v>4.7071531488317326</v>
      </c>
      <c r="X16" s="87">
        <v>347</v>
      </c>
      <c r="Y16" s="86">
        <v>14.790397350993379</v>
      </c>
      <c r="Z16" s="87">
        <v>7630</v>
      </c>
      <c r="AA16" s="86">
        <v>5.4708901174370652</v>
      </c>
      <c r="AB16" s="79"/>
      <c r="AC16" s="78"/>
    </row>
    <row r="17" spans="1:34" s="48" customFormat="1" ht="25.5" customHeight="1">
      <c r="A17" s="90" t="s">
        <v>29</v>
      </c>
      <c r="B17" s="88">
        <v>59650</v>
      </c>
      <c r="C17" s="86">
        <v>-2.0908883809418386</v>
      </c>
      <c r="D17" s="87">
        <v>42283</v>
      </c>
      <c r="E17" s="86">
        <v>2.5996359272184444</v>
      </c>
      <c r="F17" s="88">
        <v>14</v>
      </c>
      <c r="G17" s="86">
        <v>-16.100000000000001</v>
      </c>
      <c r="H17" s="87">
        <v>1964</v>
      </c>
      <c r="I17" s="86">
        <v>-18.7</v>
      </c>
      <c r="J17" s="88">
        <v>8642</v>
      </c>
      <c r="K17" s="86">
        <v>1</v>
      </c>
      <c r="L17" s="87">
        <v>330</v>
      </c>
      <c r="M17" s="86">
        <v>24.4</v>
      </c>
      <c r="N17" s="89">
        <v>0</v>
      </c>
      <c r="O17" s="86">
        <v>0</v>
      </c>
      <c r="P17" s="87">
        <v>2395</v>
      </c>
      <c r="Q17" s="86">
        <v>-9.1</v>
      </c>
      <c r="R17" s="88">
        <v>109</v>
      </c>
      <c r="S17" s="86">
        <v>7.8</v>
      </c>
      <c r="T17" s="87">
        <v>0</v>
      </c>
      <c r="U17" s="86">
        <v>0</v>
      </c>
      <c r="V17" s="88">
        <v>1581</v>
      </c>
      <c r="W17" s="86">
        <v>-22.444817734835759</v>
      </c>
      <c r="X17" s="87">
        <v>39153</v>
      </c>
      <c r="Y17" s="86">
        <v>-0.71849228419988431</v>
      </c>
      <c r="Z17" s="87">
        <v>5462</v>
      </c>
      <c r="AA17" s="86">
        <v>6.8232458678961702E-2</v>
      </c>
      <c r="AB17" s="79"/>
      <c r="AC17" s="78"/>
    </row>
    <row r="18" spans="1:34" s="48" customFormat="1" ht="25.5" customHeight="1">
      <c r="A18" s="90" t="s">
        <v>30</v>
      </c>
      <c r="B18" s="88">
        <v>14784</v>
      </c>
      <c r="C18" s="86">
        <v>-5.448506262484373</v>
      </c>
      <c r="D18" s="87">
        <v>44953</v>
      </c>
      <c r="E18" s="86">
        <v>5.4202029776655154</v>
      </c>
      <c r="F18" s="88">
        <v>14</v>
      </c>
      <c r="G18" s="86">
        <v>-11.3</v>
      </c>
      <c r="H18" s="87">
        <v>1853</v>
      </c>
      <c r="I18" s="86">
        <v>1.6</v>
      </c>
      <c r="J18" s="88">
        <v>8518</v>
      </c>
      <c r="K18" s="86">
        <v>2.5</v>
      </c>
      <c r="L18" s="87">
        <v>133</v>
      </c>
      <c r="M18" s="86">
        <v>2.4</v>
      </c>
      <c r="N18" s="89">
        <v>0</v>
      </c>
      <c r="O18" s="86">
        <v>0</v>
      </c>
      <c r="P18" s="87">
        <v>190</v>
      </c>
      <c r="Q18" s="86">
        <v>-1.6</v>
      </c>
      <c r="R18" s="88">
        <v>882</v>
      </c>
      <c r="S18" s="86">
        <v>4.2</v>
      </c>
      <c r="T18" s="87">
        <v>0</v>
      </c>
      <c r="U18" s="86">
        <v>0</v>
      </c>
      <c r="V18" s="88">
        <v>2192</v>
      </c>
      <c r="W18" s="86">
        <v>-34.137643147329058</v>
      </c>
      <c r="X18" s="87">
        <v>231</v>
      </c>
      <c r="Y18" s="86">
        <v>75.17452040050631</v>
      </c>
      <c r="Z18" s="87">
        <v>772</v>
      </c>
      <c r="AA18" s="86">
        <v>-9.6587329653369931</v>
      </c>
      <c r="AB18" s="79"/>
      <c r="AC18" s="78"/>
      <c r="AE18" s="43"/>
      <c r="AF18" s="43"/>
      <c r="AG18" s="43"/>
      <c r="AH18" s="43"/>
    </row>
    <row r="19" spans="1:34" s="48" customFormat="1" ht="25.5" customHeight="1">
      <c r="A19" s="90" t="s">
        <v>31</v>
      </c>
      <c r="B19" s="88">
        <v>66304</v>
      </c>
      <c r="C19" s="86">
        <v>-3.7964081637651463</v>
      </c>
      <c r="D19" s="87">
        <v>109808</v>
      </c>
      <c r="E19" s="86">
        <v>2.0852071945486528</v>
      </c>
      <c r="F19" s="88">
        <v>14</v>
      </c>
      <c r="G19" s="86">
        <v>-10</v>
      </c>
      <c r="H19" s="87">
        <v>2577</v>
      </c>
      <c r="I19" s="86">
        <v>-1.2</v>
      </c>
      <c r="J19" s="88">
        <v>9114</v>
      </c>
      <c r="K19" s="86">
        <v>-2.5</v>
      </c>
      <c r="L19" s="87">
        <v>3017</v>
      </c>
      <c r="M19" s="86">
        <v>-0.4</v>
      </c>
      <c r="N19" s="89">
        <v>0</v>
      </c>
      <c r="O19" s="86">
        <v>0</v>
      </c>
      <c r="P19" s="87">
        <v>2433</v>
      </c>
      <c r="Q19" s="86">
        <v>-9.9</v>
      </c>
      <c r="R19" s="88">
        <v>7985</v>
      </c>
      <c r="S19" s="86">
        <v>-0.8</v>
      </c>
      <c r="T19" s="87">
        <v>0</v>
      </c>
      <c r="U19" s="86">
        <v>0</v>
      </c>
      <c r="V19" s="88">
        <v>1475</v>
      </c>
      <c r="W19" s="86">
        <v>-54.395773634759458</v>
      </c>
      <c r="X19" s="87">
        <v>38945</v>
      </c>
      <c r="Y19" s="86">
        <v>-0.60701129358591754</v>
      </c>
      <c r="Z19" s="87">
        <v>743</v>
      </c>
      <c r="AA19" s="86">
        <v>-1.4964571555906907</v>
      </c>
      <c r="AB19" s="79"/>
      <c r="AC19" s="78"/>
      <c r="AE19" s="43"/>
      <c r="AF19" s="43"/>
      <c r="AG19" s="43"/>
      <c r="AH19" s="43"/>
    </row>
    <row r="20" spans="1:34" s="48" customFormat="1" ht="25.5" customHeight="1">
      <c r="A20" s="90" t="s">
        <v>32</v>
      </c>
      <c r="B20" s="88">
        <v>16082</v>
      </c>
      <c r="C20" s="86">
        <v>5.2632950036788433</v>
      </c>
      <c r="D20" s="87">
        <v>39798</v>
      </c>
      <c r="E20" s="86">
        <v>0.20848367406649421</v>
      </c>
      <c r="F20" s="88">
        <v>14</v>
      </c>
      <c r="G20" s="86">
        <v>-7.1</v>
      </c>
      <c r="H20" s="87">
        <v>2115</v>
      </c>
      <c r="I20" s="86">
        <v>3.7</v>
      </c>
      <c r="J20" s="88">
        <v>8743</v>
      </c>
      <c r="K20" s="86">
        <v>-0.8</v>
      </c>
      <c r="L20" s="87">
        <v>1498</v>
      </c>
      <c r="M20" s="86">
        <v>-4.7</v>
      </c>
      <c r="N20" s="89">
        <v>0</v>
      </c>
      <c r="O20" s="86">
        <v>0</v>
      </c>
      <c r="P20" s="87">
        <v>207</v>
      </c>
      <c r="Q20" s="86">
        <v>-8.5</v>
      </c>
      <c r="R20" s="88">
        <v>110</v>
      </c>
      <c r="S20" s="86">
        <v>20.5</v>
      </c>
      <c r="T20" s="87">
        <v>0</v>
      </c>
      <c r="U20" s="86">
        <v>0</v>
      </c>
      <c r="V20" s="88">
        <v>2622</v>
      </c>
      <c r="W20" s="86">
        <v>52.126781406028023</v>
      </c>
      <c r="X20" s="87">
        <v>321</v>
      </c>
      <c r="Y20" s="86">
        <v>1.3889064136373386</v>
      </c>
      <c r="Z20" s="87">
        <v>452</v>
      </c>
      <c r="AA20" s="86">
        <v>-6.1934682757876027</v>
      </c>
      <c r="AB20" s="79"/>
      <c r="AC20" s="78"/>
      <c r="AE20" s="43"/>
      <c r="AF20" s="43"/>
      <c r="AG20" s="43"/>
      <c r="AH20" s="43"/>
    </row>
    <row r="21" spans="1:34" s="48" customFormat="1" ht="25.5" customHeight="1">
      <c r="A21" s="90" t="s">
        <v>87</v>
      </c>
      <c r="B21" s="88">
        <v>55097</v>
      </c>
      <c r="C21" s="86">
        <v>-0.76403392419483207</v>
      </c>
      <c r="D21" s="87">
        <v>43482</v>
      </c>
      <c r="E21" s="86">
        <v>-0.56429204056883819</v>
      </c>
      <c r="F21" s="88">
        <v>13</v>
      </c>
      <c r="G21" s="86">
        <v>-8</v>
      </c>
      <c r="H21" s="87">
        <v>2372</v>
      </c>
      <c r="I21" s="86">
        <v>6</v>
      </c>
      <c r="J21" s="88">
        <v>8922</v>
      </c>
      <c r="K21" s="86">
        <v>0.9</v>
      </c>
      <c r="L21" s="87">
        <v>154</v>
      </c>
      <c r="M21" s="86">
        <v>7.1</v>
      </c>
      <c r="N21" s="89">
        <v>0</v>
      </c>
      <c r="O21" s="86">
        <v>0</v>
      </c>
      <c r="P21" s="87">
        <v>2373</v>
      </c>
      <c r="Q21" s="86">
        <v>-9.8000000000000007</v>
      </c>
      <c r="R21" s="88">
        <v>280</v>
      </c>
      <c r="S21" s="86">
        <v>-13.5</v>
      </c>
      <c r="T21" s="87">
        <v>0</v>
      </c>
      <c r="U21" s="86">
        <v>0</v>
      </c>
      <c r="V21" s="88">
        <v>1551</v>
      </c>
      <c r="W21" s="86">
        <v>-10.650566423872423</v>
      </c>
      <c r="X21" s="87">
        <v>38979</v>
      </c>
      <c r="Y21" s="86">
        <v>-0.41606824564655737</v>
      </c>
      <c r="Z21" s="87">
        <v>453</v>
      </c>
      <c r="AA21" s="86">
        <v>0.92757759543346407</v>
      </c>
      <c r="AB21" s="79"/>
      <c r="AC21" s="78"/>
      <c r="AE21" s="43"/>
      <c r="AF21" s="43"/>
      <c r="AG21" s="43"/>
      <c r="AH21" s="43"/>
    </row>
    <row r="22" spans="1:34" s="48" customFormat="1" ht="25.5" customHeight="1">
      <c r="A22" s="90" t="s">
        <v>86</v>
      </c>
      <c r="B22" s="88">
        <v>14491</v>
      </c>
      <c r="C22" s="86">
        <v>3.728783567459474</v>
      </c>
      <c r="D22" s="87">
        <v>40528</v>
      </c>
      <c r="E22" s="86">
        <v>2.6328584872117724</v>
      </c>
      <c r="F22" s="88">
        <v>13</v>
      </c>
      <c r="G22" s="86">
        <v>-6.6</v>
      </c>
      <c r="H22" s="87">
        <v>1894</v>
      </c>
      <c r="I22" s="86">
        <v>-9.6</v>
      </c>
      <c r="J22" s="88">
        <v>8711</v>
      </c>
      <c r="K22" s="86">
        <v>4</v>
      </c>
      <c r="L22" s="87">
        <v>124</v>
      </c>
      <c r="M22" s="86">
        <v>4.8</v>
      </c>
      <c r="N22" s="89">
        <v>0</v>
      </c>
      <c r="O22" s="86">
        <v>0</v>
      </c>
      <c r="P22" s="87">
        <v>193</v>
      </c>
      <c r="Q22" s="86">
        <v>-6.7</v>
      </c>
      <c r="R22" s="88">
        <v>822</v>
      </c>
      <c r="S22" s="86">
        <v>6</v>
      </c>
      <c r="T22" s="87">
        <v>0</v>
      </c>
      <c r="U22" s="86">
        <v>0</v>
      </c>
      <c r="V22" s="88">
        <v>2003</v>
      </c>
      <c r="W22" s="86">
        <v>16.619624172389784</v>
      </c>
      <c r="X22" s="87">
        <v>300</v>
      </c>
      <c r="Y22" s="86">
        <v>15.958469970683323</v>
      </c>
      <c r="Z22" s="87">
        <v>431</v>
      </c>
      <c r="AA22" s="86">
        <v>4.5426205765549836</v>
      </c>
      <c r="AB22" s="79"/>
      <c r="AC22" s="78"/>
      <c r="AE22" s="43"/>
      <c r="AF22" s="43"/>
      <c r="AG22" s="43"/>
      <c r="AH22" s="43"/>
    </row>
    <row r="23" spans="1:34" s="48" customFormat="1" ht="25.5" customHeight="1">
      <c r="A23" s="90" t="s">
        <v>85</v>
      </c>
      <c r="B23" s="88">
        <v>54191</v>
      </c>
      <c r="C23" s="86">
        <v>-0.98265144171289387</v>
      </c>
      <c r="D23" s="87">
        <v>40506</v>
      </c>
      <c r="E23" s="86">
        <v>3.4526423434396478</v>
      </c>
      <c r="F23" s="88">
        <v>14</v>
      </c>
      <c r="G23" s="86">
        <v>-3.4</v>
      </c>
      <c r="H23" s="87">
        <v>2483</v>
      </c>
      <c r="I23" s="86">
        <v>-4.9000000000000004</v>
      </c>
      <c r="J23" s="88">
        <v>8529</v>
      </c>
      <c r="K23" s="86">
        <v>-1.3</v>
      </c>
      <c r="L23" s="87">
        <v>110</v>
      </c>
      <c r="M23" s="86">
        <v>-0.2</v>
      </c>
      <c r="N23" s="89">
        <v>0</v>
      </c>
      <c r="O23" s="86">
        <v>0</v>
      </c>
      <c r="P23" s="87">
        <v>2386</v>
      </c>
      <c r="Q23" s="86">
        <v>-9.4</v>
      </c>
      <c r="R23" s="88">
        <v>202</v>
      </c>
      <c r="S23" s="86">
        <v>1.4</v>
      </c>
      <c r="T23" s="87">
        <v>0</v>
      </c>
      <c r="U23" s="86">
        <v>0</v>
      </c>
      <c r="V23" s="88">
        <v>1118</v>
      </c>
      <c r="W23" s="86">
        <v>8.2800956632035554</v>
      </c>
      <c r="X23" s="87">
        <v>38941</v>
      </c>
      <c r="Y23" s="86">
        <v>-0.42211478353265713</v>
      </c>
      <c r="Z23" s="87">
        <v>408</v>
      </c>
      <c r="AA23" s="86">
        <v>6.4793524044441195</v>
      </c>
      <c r="AB23" s="79"/>
      <c r="AC23" s="78"/>
      <c r="AE23" s="43"/>
      <c r="AF23" s="43"/>
      <c r="AG23" s="43"/>
      <c r="AH23" s="43"/>
    </row>
    <row r="24" spans="1:34" s="48" customFormat="1" ht="25.5" customHeight="1">
      <c r="A24" s="90" t="s">
        <v>91</v>
      </c>
      <c r="B24" s="88">
        <v>14345</v>
      </c>
      <c r="C24" s="86">
        <v>-1.8510619897464191</v>
      </c>
      <c r="D24" s="87">
        <v>49262</v>
      </c>
      <c r="E24" s="86">
        <v>2.6660875686992824</v>
      </c>
      <c r="F24" s="88">
        <v>13</v>
      </c>
      <c r="G24" s="86">
        <v>-8.6</v>
      </c>
      <c r="H24" s="87">
        <v>1842</v>
      </c>
      <c r="I24" s="86">
        <v>-16.5</v>
      </c>
      <c r="J24" s="88">
        <v>8491</v>
      </c>
      <c r="K24" s="86">
        <v>-1.6</v>
      </c>
      <c r="L24" s="87">
        <v>120</v>
      </c>
      <c r="M24" s="86">
        <v>42</v>
      </c>
      <c r="N24" s="89">
        <v>0</v>
      </c>
      <c r="O24" s="86">
        <v>0</v>
      </c>
      <c r="P24" s="87">
        <v>199</v>
      </c>
      <c r="Q24" s="86">
        <v>-5</v>
      </c>
      <c r="R24" s="88">
        <v>1912</v>
      </c>
      <c r="S24" s="86">
        <v>11.6</v>
      </c>
      <c r="T24" s="87">
        <v>0</v>
      </c>
      <c r="U24" s="86">
        <v>0</v>
      </c>
      <c r="V24" s="88">
        <v>1147</v>
      </c>
      <c r="W24" s="86">
        <v>-1.8983710536463825</v>
      </c>
      <c r="X24" s="87">
        <v>238</v>
      </c>
      <c r="Y24" s="86">
        <v>8.3332576163694014</v>
      </c>
      <c r="Z24" s="87">
        <v>382</v>
      </c>
      <c r="AA24" s="86">
        <v>2.3723415378263679</v>
      </c>
      <c r="AB24" s="79"/>
      <c r="AC24" s="78"/>
      <c r="AE24" s="43"/>
      <c r="AF24" s="43"/>
      <c r="AG24" s="43"/>
      <c r="AH24" s="43"/>
    </row>
    <row r="25" spans="1:34" s="48" customFormat="1" ht="25.5" customHeight="1" thickBot="1">
      <c r="A25" s="85" t="s">
        <v>105</v>
      </c>
      <c r="B25" s="83">
        <v>64689</v>
      </c>
      <c r="C25" s="80">
        <v>-2.3018684798732911</v>
      </c>
      <c r="D25" s="81">
        <v>101224</v>
      </c>
      <c r="E25" s="80">
        <v>0.24184138132714383</v>
      </c>
      <c r="F25" s="83">
        <v>14</v>
      </c>
      <c r="G25" s="80">
        <v>-9.1</v>
      </c>
      <c r="H25" s="81">
        <v>2010</v>
      </c>
      <c r="I25" s="80">
        <v>-30.5</v>
      </c>
      <c r="J25" s="83">
        <v>9448</v>
      </c>
      <c r="K25" s="80">
        <v>-2</v>
      </c>
      <c r="L25" s="81">
        <v>4249</v>
      </c>
      <c r="M25" s="80">
        <v>-3.8</v>
      </c>
      <c r="N25" s="84">
        <v>0</v>
      </c>
      <c r="O25" s="80">
        <v>0</v>
      </c>
      <c r="P25" s="81">
        <v>2403</v>
      </c>
      <c r="Q25" s="80">
        <v>-16.3</v>
      </c>
      <c r="R25" s="83">
        <v>5241</v>
      </c>
      <c r="S25" s="80">
        <v>2.9</v>
      </c>
      <c r="T25" s="81">
        <v>0</v>
      </c>
      <c r="U25" s="80">
        <v>0</v>
      </c>
      <c r="V25" s="83">
        <v>1698</v>
      </c>
      <c r="W25" s="80">
        <v>7.5556526640447377</v>
      </c>
      <c r="X25" s="81">
        <v>39187</v>
      </c>
      <c r="Y25" s="82">
        <v>-0.26265271247883659</v>
      </c>
      <c r="Z25" s="81">
        <v>437</v>
      </c>
      <c r="AA25" s="80">
        <v>7.3213803266609352</v>
      </c>
      <c r="AB25" s="79"/>
      <c r="AC25" s="78"/>
      <c r="AE25" s="43"/>
      <c r="AF25" s="43"/>
      <c r="AG25" s="43"/>
      <c r="AH25" s="43"/>
    </row>
    <row r="26" spans="1:34">
      <c r="A26" s="43" t="s">
        <v>48</v>
      </c>
      <c r="AC26" s="43" t="s">
        <v>47</v>
      </c>
    </row>
    <row r="27" spans="1:34">
      <c r="A27" s="43" t="s">
        <v>46</v>
      </c>
    </row>
    <row r="28" spans="1:34">
      <c r="A28" s="43" t="s">
        <v>115</v>
      </c>
    </row>
  </sheetData>
  <sheetProtection formatCells="0" formatColumns="0" formatRows="0"/>
  <mergeCells count="15">
    <mergeCell ref="T5:U6"/>
    <mergeCell ref="V5:W5"/>
    <mergeCell ref="X5:Y6"/>
    <mergeCell ref="Z5:AA6"/>
    <mergeCell ref="V6:W6"/>
    <mergeCell ref="Y2:AA2"/>
    <mergeCell ref="F4:AA4"/>
    <mergeCell ref="B5:E5"/>
    <mergeCell ref="F5:G6"/>
    <mergeCell ref="H5:I6"/>
    <mergeCell ref="J5:K6"/>
    <mergeCell ref="L5:M6"/>
    <mergeCell ref="N5:O6"/>
    <mergeCell ref="P5:Q6"/>
    <mergeCell ref="R5:S6"/>
  </mergeCells>
  <phoneticPr fontId="6"/>
  <printOptions horizontalCentered="1" gridLinesSet="0"/>
  <pageMargins left="0.43307086614173229" right="0.23622047244094491" top="0.74803149606299213" bottom="0.6692913385826772" header="0.51181102362204722" footer="0.39370078740157483"/>
  <pageSetup paperSize="9" scale="51" orientation="landscape" r:id="rId1"/>
  <headerFooter alignWithMargins="0">
    <oddFooter>&amp;C&amp;"ＭＳ 明朝,標準"&amp;20 &amp;"ＭＳ ゴシック,標準"４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749074-5D45-458B-B330-90A930FEFBFE}">
  <dimension ref="B1:L27"/>
  <sheetViews>
    <sheetView windowProtection="1" zoomScaleNormal="100" zoomScaleSheetLayoutView="100" workbookViewId="0">
      <selection activeCell="G62" sqref="G62"/>
    </sheetView>
  </sheetViews>
  <sheetFormatPr defaultColWidth="9" defaultRowHeight="12"/>
  <cols>
    <col min="1" max="1" width="1.77734375" style="122" customWidth="1"/>
    <col min="2" max="2" width="1" style="122" customWidth="1"/>
    <col min="3" max="3" width="4.6640625" style="122" customWidth="1"/>
    <col min="4" max="4" width="22.33203125" style="122" customWidth="1"/>
    <col min="5" max="6" width="20.109375" style="122" customWidth="1"/>
    <col min="7" max="7" width="4.44140625" style="122" customWidth="1"/>
    <col min="8" max="8" width="7.88671875" style="122" customWidth="1"/>
    <col min="9" max="9" width="8.6640625" style="122" customWidth="1"/>
    <col min="10" max="10" width="9" style="122"/>
    <col min="11" max="11" width="11.44140625" style="122" customWidth="1"/>
    <col min="12" max="12" width="9.77734375" style="122" customWidth="1"/>
    <col min="13" max="16384" width="9" style="122"/>
  </cols>
  <sheetData>
    <row r="1" spans="2:12" ht="6" customHeight="1"/>
    <row r="2" spans="2:12" ht="6" customHeight="1"/>
    <row r="3" spans="2:12" ht="6" customHeight="1"/>
    <row r="4" spans="2:12" ht="26.1" customHeight="1">
      <c r="B4" s="145" t="s">
        <v>116</v>
      </c>
    </row>
    <row r="5" spans="2:12" ht="22.05" customHeight="1">
      <c r="C5" s="122" t="s">
        <v>117</v>
      </c>
    </row>
    <row r="6" spans="2:12" ht="26.1" customHeight="1">
      <c r="B6" s="232"/>
      <c r="C6" s="233"/>
      <c r="D6" s="234"/>
      <c r="E6" s="144" t="s">
        <v>80</v>
      </c>
      <c r="F6" s="143" t="s">
        <v>79</v>
      </c>
      <c r="H6" s="142"/>
      <c r="I6" s="142"/>
    </row>
    <row r="7" spans="2:12" ht="26.1" customHeight="1">
      <c r="B7" s="235" t="s">
        <v>78</v>
      </c>
      <c r="C7" s="236"/>
      <c r="D7" s="237"/>
      <c r="E7" s="141">
        <v>5</v>
      </c>
      <c r="F7" s="140">
        <v>2210</v>
      </c>
      <c r="H7" s="127"/>
      <c r="I7" s="127"/>
      <c r="J7" s="139"/>
    </row>
    <row r="8" spans="2:12" ht="26.1" customHeight="1">
      <c r="B8" s="229" t="s">
        <v>77</v>
      </c>
      <c r="C8" s="230"/>
      <c r="D8" s="231"/>
      <c r="E8" s="134">
        <v>62</v>
      </c>
      <c r="F8" s="133">
        <v>7802</v>
      </c>
      <c r="H8" s="127"/>
      <c r="I8" s="127"/>
      <c r="K8" s="138"/>
    </row>
    <row r="9" spans="2:12" ht="26.1" customHeight="1">
      <c r="B9" s="229" t="s">
        <v>76</v>
      </c>
      <c r="C9" s="230"/>
      <c r="D9" s="231"/>
      <c r="E9" s="134">
        <v>8</v>
      </c>
      <c r="F9" s="133">
        <v>479</v>
      </c>
      <c r="H9" s="127"/>
      <c r="I9" s="127"/>
    </row>
    <row r="10" spans="2:12" ht="26.1" customHeight="1">
      <c r="B10" s="229" t="s">
        <v>75</v>
      </c>
      <c r="C10" s="230"/>
      <c r="D10" s="231"/>
      <c r="E10" s="134">
        <v>37</v>
      </c>
      <c r="F10" s="133">
        <v>2754</v>
      </c>
      <c r="H10" s="127"/>
      <c r="I10" s="127"/>
    </row>
    <row r="11" spans="2:12" ht="26.1" customHeight="1">
      <c r="B11" s="229" t="s">
        <v>74</v>
      </c>
      <c r="C11" s="230"/>
      <c r="D11" s="231"/>
      <c r="E11" s="134">
        <v>7</v>
      </c>
      <c r="F11" s="133">
        <v>20</v>
      </c>
      <c r="H11" s="127"/>
      <c r="I11" s="127"/>
      <c r="K11" s="136"/>
      <c r="L11" s="136"/>
    </row>
    <row r="12" spans="2:12" ht="26.1" customHeight="1">
      <c r="B12" s="229" t="s">
        <v>73</v>
      </c>
      <c r="C12" s="230"/>
      <c r="D12" s="231"/>
      <c r="E12" s="134">
        <v>255</v>
      </c>
      <c r="F12" s="133">
        <v>7089</v>
      </c>
      <c r="H12" s="127"/>
      <c r="I12" s="127"/>
      <c r="J12" s="136"/>
      <c r="K12" s="137"/>
      <c r="L12" s="137"/>
    </row>
    <row r="13" spans="2:12" ht="26.1" customHeight="1">
      <c r="B13" s="229" t="s">
        <v>72</v>
      </c>
      <c r="C13" s="230"/>
      <c r="D13" s="231"/>
      <c r="E13" s="134">
        <v>142</v>
      </c>
      <c r="F13" s="133">
        <v>1552</v>
      </c>
      <c r="H13" s="127"/>
      <c r="I13" s="127"/>
      <c r="J13" s="136"/>
      <c r="K13" s="137"/>
      <c r="L13" s="137"/>
    </row>
    <row r="14" spans="2:12" ht="26.1" customHeight="1">
      <c r="B14" s="229" t="s">
        <v>71</v>
      </c>
      <c r="C14" s="230"/>
      <c r="D14" s="231"/>
      <c r="E14" s="134">
        <v>14</v>
      </c>
      <c r="F14" s="133">
        <v>589</v>
      </c>
      <c r="H14" s="127"/>
      <c r="I14" s="127"/>
      <c r="J14" s="136"/>
      <c r="K14" s="135"/>
      <c r="L14" s="135"/>
    </row>
    <row r="15" spans="2:12" ht="26.1" customHeight="1">
      <c r="B15" s="229" t="s">
        <v>70</v>
      </c>
      <c r="C15" s="230"/>
      <c r="D15" s="231"/>
      <c r="E15" s="134">
        <v>583</v>
      </c>
      <c r="F15" s="133">
        <v>6238</v>
      </c>
      <c r="H15" s="127"/>
      <c r="I15" s="127"/>
    </row>
    <row r="16" spans="2:12" ht="26.1" customHeight="1">
      <c r="B16" s="238" t="s">
        <v>69</v>
      </c>
      <c r="C16" s="239"/>
      <c r="D16" s="240"/>
      <c r="E16" s="132">
        <v>17</v>
      </c>
      <c r="F16" s="131">
        <v>667</v>
      </c>
      <c r="H16" s="127"/>
      <c r="I16" s="127"/>
      <c r="K16" s="130"/>
      <c r="L16" s="130"/>
    </row>
    <row r="17" spans="2:12" ht="26.1" customHeight="1">
      <c r="B17" s="235" t="s">
        <v>68</v>
      </c>
      <c r="C17" s="236"/>
      <c r="D17" s="237"/>
      <c r="E17" s="129">
        <v>1130</v>
      </c>
      <c r="F17" s="128">
        <v>29400</v>
      </c>
      <c r="H17" s="127"/>
      <c r="I17" s="127"/>
      <c r="K17" s="126"/>
      <c r="L17" s="126"/>
    </row>
    <row r="18" spans="2:12" ht="26.1" customHeight="1">
      <c r="B18" s="238" t="s">
        <v>67</v>
      </c>
      <c r="C18" s="239"/>
      <c r="D18" s="240"/>
      <c r="E18" s="125">
        <v>0</v>
      </c>
      <c r="F18" s="146">
        <v>-12</v>
      </c>
      <c r="K18" s="124"/>
      <c r="L18" s="124"/>
    </row>
    <row r="19" spans="2:12" ht="7.5" customHeight="1"/>
    <row r="20" spans="2:12" ht="20.100000000000001" customHeight="1">
      <c r="B20" s="123" t="s">
        <v>66</v>
      </c>
      <c r="D20" s="123" t="s">
        <v>95</v>
      </c>
      <c r="E20" s="123"/>
      <c r="F20" s="123"/>
    </row>
    <row r="21" spans="2:12" ht="20.100000000000001" customHeight="1">
      <c r="B21" s="122" t="s">
        <v>65</v>
      </c>
      <c r="D21" s="123" t="s">
        <v>64</v>
      </c>
      <c r="E21" s="123"/>
      <c r="F21" s="123"/>
    </row>
    <row r="22" spans="2:12" ht="20.100000000000001" customHeight="1">
      <c r="D22" s="123" t="s">
        <v>96</v>
      </c>
      <c r="E22" s="123"/>
      <c r="F22" s="123"/>
    </row>
    <row r="23" spans="2:12" ht="20.100000000000001" customHeight="1">
      <c r="D23" s="123" t="s">
        <v>97</v>
      </c>
      <c r="E23" s="123"/>
      <c r="F23" s="123"/>
    </row>
    <row r="24" spans="2:12" ht="20.100000000000001" customHeight="1">
      <c r="D24" s="123" t="s">
        <v>98</v>
      </c>
      <c r="E24" s="123"/>
      <c r="F24" s="123"/>
    </row>
    <row r="25" spans="2:12" ht="19.5" customHeight="1">
      <c r="D25" s="123" t="s">
        <v>99</v>
      </c>
      <c r="E25" s="123"/>
      <c r="F25" s="123"/>
    </row>
    <row r="26" spans="2:12" ht="19.5" customHeight="1">
      <c r="D26" s="123" t="s">
        <v>100</v>
      </c>
      <c r="E26" s="123"/>
      <c r="F26" s="123"/>
    </row>
    <row r="27" spans="2:12" ht="19.5" customHeight="1">
      <c r="D27" s="123" t="s">
        <v>101</v>
      </c>
    </row>
  </sheetData>
  <mergeCells count="13">
    <mergeCell ref="B18:D18"/>
    <mergeCell ref="B12:D12"/>
    <mergeCell ref="B13:D13"/>
    <mergeCell ref="B14:D14"/>
    <mergeCell ref="B15:D15"/>
    <mergeCell ref="B16:D16"/>
    <mergeCell ref="B17:D17"/>
    <mergeCell ref="B6:D6"/>
    <mergeCell ref="B7:D7"/>
    <mergeCell ref="B8:D8"/>
    <mergeCell ref="B9:D9"/>
    <mergeCell ref="B10:D10"/>
    <mergeCell ref="B11:D11"/>
  </mergeCells>
  <phoneticPr fontId="6"/>
  <printOptions horizontalCentered="1"/>
  <pageMargins left="0.70866141732283472" right="0.59055118110236227" top="0.74803149606299213" bottom="0.98425196850393704" header="0.51181102362204722" footer="0.51181102362204722"/>
  <pageSetup paperSize="9" scale="110" orientation="portrait" verticalDpi="360" r:id="rId1"/>
  <headerFooter alignWithMargins="0">
    <oddFooter>&amp;C&amp;10 &amp;"ＭＳ ゴシック,標準"５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EE0B6E-DE7B-4603-A474-ECE0AD405865}">
  <dimension ref="B1:N27"/>
  <sheetViews>
    <sheetView windowProtection="1" zoomScaleNormal="100" zoomScaleSheetLayoutView="100" workbookViewId="0">
      <selection activeCell="G62" sqref="G62"/>
    </sheetView>
  </sheetViews>
  <sheetFormatPr defaultColWidth="9" defaultRowHeight="12"/>
  <cols>
    <col min="1" max="1" width="1.77734375" style="122" customWidth="1"/>
    <col min="2" max="2" width="1" style="122" customWidth="1"/>
    <col min="3" max="3" width="4.6640625" style="122" customWidth="1"/>
    <col min="4" max="4" width="22.33203125" style="122" customWidth="1"/>
    <col min="5" max="5" width="17.88671875" style="122" customWidth="1"/>
    <col min="6" max="6" width="13.88671875" style="122" hidden="1" customWidth="1"/>
    <col min="7" max="7" width="4.44140625" style="122" customWidth="1"/>
    <col min="8" max="10" width="7.88671875" style="122" customWidth="1"/>
    <col min="11" max="11" width="8.6640625" style="122" customWidth="1"/>
    <col min="12" max="12" width="9" style="122" customWidth="1"/>
    <col min="13" max="13" width="11.44140625" style="122" customWidth="1"/>
    <col min="14" max="14" width="9.77734375" style="122" customWidth="1"/>
    <col min="15" max="18" width="9" style="122" customWidth="1"/>
    <col min="19" max="16384" width="9" style="122"/>
  </cols>
  <sheetData>
    <row r="1" spans="2:14" ht="6" customHeight="1"/>
    <row r="2" spans="2:14" ht="6" customHeight="1"/>
    <row r="3" spans="2:14" ht="6" customHeight="1"/>
    <row r="4" spans="2:14" ht="7.95" customHeight="1">
      <c r="B4" s="145"/>
    </row>
    <row r="5" spans="2:14" ht="22.05" customHeight="1">
      <c r="C5" s="122" t="s">
        <v>118</v>
      </c>
    </row>
    <row r="6" spans="2:14" ht="26.1" customHeight="1">
      <c r="B6" s="232"/>
      <c r="C6" s="233"/>
      <c r="D6" s="234"/>
      <c r="E6" s="156" t="s">
        <v>80</v>
      </c>
      <c r="F6" s="143" t="s">
        <v>79</v>
      </c>
      <c r="H6" s="142"/>
      <c r="I6" s="142"/>
      <c r="J6" s="142"/>
      <c r="K6" s="154"/>
    </row>
    <row r="7" spans="2:14" ht="26.1" customHeight="1">
      <c r="B7" s="235" t="s">
        <v>78</v>
      </c>
      <c r="C7" s="236"/>
      <c r="D7" s="237"/>
      <c r="E7" s="155">
        <v>5</v>
      </c>
      <c r="F7" s="140">
        <v>2201</v>
      </c>
      <c r="H7" s="127"/>
      <c r="I7" s="127"/>
      <c r="J7" s="127"/>
      <c r="K7" s="127"/>
    </row>
    <row r="8" spans="2:14" ht="26.1" customHeight="1">
      <c r="B8" s="229" t="s">
        <v>77</v>
      </c>
      <c r="C8" s="230"/>
      <c r="D8" s="231"/>
      <c r="E8" s="152">
        <v>62</v>
      </c>
      <c r="F8" s="133">
        <v>7616</v>
      </c>
      <c r="H8" s="127"/>
      <c r="I8" s="127"/>
      <c r="J8" s="127"/>
      <c r="K8" s="154"/>
      <c r="M8" s="138"/>
    </row>
    <row r="9" spans="2:14" ht="26.1" customHeight="1">
      <c r="B9" s="229" t="s">
        <v>76</v>
      </c>
      <c r="C9" s="230"/>
      <c r="D9" s="231"/>
      <c r="E9" s="152">
        <v>4</v>
      </c>
      <c r="F9" s="133">
        <v>524</v>
      </c>
      <c r="H9" s="127"/>
      <c r="I9" s="127"/>
      <c r="J9" s="127"/>
      <c r="K9" s="127"/>
      <c r="M9" s="135"/>
      <c r="N9" s="135"/>
    </row>
    <row r="10" spans="2:14" ht="26.1" customHeight="1">
      <c r="B10" s="229" t="s">
        <v>75</v>
      </c>
      <c r="C10" s="230"/>
      <c r="D10" s="231"/>
      <c r="E10" s="152">
        <v>37</v>
      </c>
      <c r="F10" s="133">
        <v>2997</v>
      </c>
      <c r="H10" s="127"/>
      <c r="I10" s="127"/>
      <c r="J10" s="127"/>
      <c r="K10" s="127"/>
    </row>
    <row r="11" spans="2:14" ht="26.1" customHeight="1">
      <c r="B11" s="229" t="s">
        <v>74</v>
      </c>
      <c r="C11" s="230"/>
      <c r="D11" s="231"/>
      <c r="E11" s="152">
        <v>3</v>
      </c>
      <c r="F11" s="133">
        <v>20</v>
      </c>
      <c r="H11" s="127"/>
      <c r="I11" s="127"/>
      <c r="J11" s="127"/>
      <c r="K11" s="127"/>
      <c r="N11" s="130"/>
    </row>
    <row r="12" spans="2:14" ht="26.1" customHeight="1">
      <c r="B12" s="229" t="s">
        <v>84</v>
      </c>
      <c r="C12" s="230"/>
      <c r="D12" s="231"/>
      <c r="E12" s="152">
        <v>254</v>
      </c>
      <c r="F12" s="133">
        <v>7345</v>
      </c>
      <c r="H12" s="127"/>
      <c r="I12" s="127"/>
      <c r="J12" s="127"/>
      <c r="K12" s="127"/>
      <c r="L12" s="130"/>
      <c r="M12" s="126"/>
      <c r="N12" s="126"/>
    </row>
    <row r="13" spans="2:14" ht="26.1" customHeight="1">
      <c r="B13" s="229" t="s">
        <v>83</v>
      </c>
      <c r="C13" s="230"/>
      <c r="D13" s="231"/>
      <c r="E13" s="152">
        <v>138</v>
      </c>
      <c r="F13" s="133">
        <v>1650</v>
      </c>
      <c r="H13" s="127"/>
      <c r="I13" s="127"/>
      <c r="J13" s="127"/>
      <c r="L13" s="153"/>
      <c r="M13" s="124"/>
      <c r="N13" s="124"/>
    </row>
    <row r="14" spans="2:14" ht="26.1" customHeight="1">
      <c r="B14" s="229" t="s">
        <v>71</v>
      </c>
      <c r="C14" s="230"/>
      <c r="D14" s="231"/>
      <c r="E14" s="152">
        <v>14</v>
      </c>
      <c r="F14" s="133">
        <v>612</v>
      </c>
      <c r="H14" s="127"/>
      <c r="I14" s="127"/>
      <c r="J14" s="127"/>
    </row>
    <row r="15" spans="2:14" ht="26.1" customHeight="1">
      <c r="B15" s="229" t="s">
        <v>82</v>
      </c>
      <c r="C15" s="230"/>
      <c r="D15" s="231"/>
      <c r="E15" s="152">
        <v>583</v>
      </c>
      <c r="F15" s="133">
        <v>7907</v>
      </c>
      <c r="H15" s="127"/>
      <c r="I15" s="127"/>
      <c r="J15" s="127"/>
      <c r="K15" s="149"/>
      <c r="M15" s="151"/>
      <c r="N15" s="151"/>
    </row>
    <row r="16" spans="2:14" ht="26.1" customHeight="1">
      <c r="B16" s="238" t="s">
        <v>69</v>
      </c>
      <c r="C16" s="239"/>
      <c r="D16" s="240"/>
      <c r="E16" s="150">
        <v>14</v>
      </c>
      <c r="F16" s="131">
        <v>0</v>
      </c>
      <c r="H16" s="127"/>
      <c r="I16" s="127"/>
      <c r="J16" s="127"/>
      <c r="K16" s="149"/>
    </row>
    <row r="17" spans="2:10" ht="26.1" customHeight="1">
      <c r="B17" s="235" t="s">
        <v>68</v>
      </c>
      <c r="C17" s="236"/>
      <c r="D17" s="237"/>
      <c r="E17" s="148">
        <v>1114</v>
      </c>
      <c r="F17" s="128">
        <v>30872</v>
      </c>
      <c r="H17" s="127"/>
      <c r="I17" s="127"/>
      <c r="J17" s="127"/>
    </row>
    <row r="18" spans="2:10" ht="26.1" customHeight="1">
      <c r="B18" s="238" t="s">
        <v>67</v>
      </c>
      <c r="C18" s="239"/>
      <c r="D18" s="240"/>
      <c r="E18" s="147">
        <v>0</v>
      </c>
      <c r="F18" s="146">
        <v>0</v>
      </c>
    </row>
    <row r="19" spans="2:10" ht="7.5" customHeight="1"/>
    <row r="20" spans="2:10" ht="19.5" customHeight="1">
      <c r="B20" s="123" t="s">
        <v>119</v>
      </c>
      <c r="D20" s="123" t="s">
        <v>120</v>
      </c>
      <c r="E20" s="123"/>
      <c r="F20" s="123"/>
    </row>
    <row r="21" spans="2:10" ht="19.5" customHeight="1">
      <c r="B21" s="122" t="s">
        <v>121</v>
      </c>
      <c r="D21" s="123" t="s">
        <v>102</v>
      </c>
      <c r="E21" s="123"/>
      <c r="F21" s="123"/>
    </row>
    <row r="22" spans="2:10" ht="19.5" customHeight="1">
      <c r="D22" s="123" t="s">
        <v>103</v>
      </c>
      <c r="E22" s="123"/>
      <c r="F22" s="123"/>
    </row>
    <row r="23" spans="2:10" ht="19.5" customHeight="1">
      <c r="D23" s="123" t="s">
        <v>104</v>
      </c>
      <c r="E23" s="123"/>
      <c r="F23" s="123"/>
    </row>
    <row r="24" spans="2:10" ht="20.100000000000001" customHeight="1">
      <c r="D24" s="123"/>
      <c r="E24" s="123"/>
      <c r="F24" s="123"/>
    </row>
    <row r="25" spans="2:10" ht="19.5" customHeight="1">
      <c r="D25" s="123"/>
      <c r="E25" s="123"/>
      <c r="F25" s="123"/>
    </row>
    <row r="26" spans="2:10" ht="19.5" customHeight="1">
      <c r="D26" s="123"/>
      <c r="E26" s="123"/>
      <c r="F26" s="123"/>
    </row>
    <row r="27" spans="2:10" ht="19.5" customHeight="1">
      <c r="D27" s="123" t="s">
        <v>81</v>
      </c>
    </row>
  </sheetData>
  <mergeCells count="13">
    <mergeCell ref="B18:D18"/>
    <mergeCell ref="B12:D12"/>
    <mergeCell ref="B13:D13"/>
    <mergeCell ref="B14:D14"/>
    <mergeCell ref="B15:D15"/>
    <mergeCell ref="B16:D16"/>
    <mergeCell ref="B17:D17"/>
    <mergeCell ref="B6:D6"/>
    <mergeCell ref="B7:D7"/>
    <mergeCell ref="B8:D8"/>
    <mergeCell ref="B9:D9"/>
    <mergeCell ref="B10:D10"/>
    <mergeCell ref="B11:D11"/>
  </mergeCells>
  <phoneticPr fontId="6"/>
  <printOptions horizontalCentered="1"/>
  <pageMargins left="0.70866141732283472" right="0.59055118110236227" top="0.74803149606299213" bottom="0.98425196850393704" header="0.51181102362204722" footer="0.51181102362204722"/>
  <pageSetup paperSize="9" scale="110" orientation="portrait" verticalDpi="360" r:id="rId1"/>
  <headerFooter alignWithMargins="0">
    <oddFooter>&amp;C&amp;10 &amp;"ＭＳ ゴシック,標準"６(終)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A12F8083034EE8418AE08732B5534932" ma:contentTypeVersion="17" ma:contentTypeDescription="新しいドキュメントを作成します。" ma:contentTypeScope="" ma:versionID="bc878a1076b5964e70c8d09046826e96">
  <xsd:schema xmlns:xsd="http://www.w3.org/2001/XMLSchema" xmlns:xs="http://www.w3.org/2001/XMLSchema" xmlns:p="http://schemas.microsoft.com/office/2006/metadata/properties" xmlns:ns2="404f3f38-d086-41c4-9360-69785fbbe904" xmlns:ns3="245eb7dc-8688-4606-8f95-de4fcf3c902e" targetNamespace="http://schemas.microsoft.com/office/2006/metadata/properties" ma:root="true" ma:fieldsID="4f90d0fc67a922c50e31e885ed25f555" ns2:_="" ns3:_="">
    <xsd:import namespace="404f3f38-d086-41c4-9360-69785fbbe904"/>
    <xsd:import namespace="245eb7dc-8688-4606-8f95-de4fcf3c902e"/>
    <xsd:element name="properties">
      <xsd:complexType>
        <xsd:sequence>
          <xsd:element name="documentManagement">
            <xsd:complexType>
              <xsd:all>
                <xsd:element ref="ns2:_x30bf__x30b0_" minOccurs="0"/>
                <xsd:element ref="ns2:MediaServiceMetadata" minOccurs="0"/>
                <xsd:element ref="ns2:MediaServiceFastMetadata" minOccurs="0"/>
                <xsd:element ref="ns3:TaxCatchAll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2:MediaServiceOCR" minOccurs="0"/>
                <xsd:element ref="ns3:SharedWithUsers" minOccurs="0"/>
                <xsd:element ref="ns3:SharedWithDetails" minOccurs="0"/>
                <xsd:element ref="ns2:MediaLengthInSeconds" minOccurs="0"/>
                <xsd:element ref="ns2:MediaServiceObjectDetectorVersion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04f3f38-d086-41c4-9360-69785fbbe904" elementFormDefault="qualified">
    <xsd:import namespace="http://schemas.microsoft.com/office/2006/documentManagement/types"/>
    <xsd:import namespace="http://schemas.microsoft.com/office/infopath/2007/PartnerControls"/>
    <xsd:element name="_x30bf__x30b0_" ma:index="8" nillable="true" ma:displayName="タグ" ma:format="Dropdown" ma:internalName="_x30bf__x30b0_">
      <xsd:simpleType>
        <xsd:restriction base="dms:Text">
          <xsd:maxLength value="255"/>
        </xsd:restriction>
      </xsd:simple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6" nillable="true" ma:taxonomy="true" ma:internalName="lcf76f155ced4ddcb4097134ff3c332f" ma:taxonomyFieldName="MediaServiceImageTags" ma:displayName="画像タグ" ma:readOnly="false" ma:fieldId="{5cf76f15-5ced-4ddc-b409-7134ff3c332f}" ma:taxonomyMulti="true" ma:sspId="d27a21c9-5ea8-4761-8f01-c851b536a993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LengthInSeconds" ma:index="20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MediaServiceLocation" ma:index="22" nillable="true" ma:displayName="Location" ma:description="" ma:indexed="true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45eb7dc-8688-4606-8f95-de4fcf3c902e" elementFormDefault="qualified">
    <xsd:import namespace="http://schemas.microsoft.com/office/2006/documentManagement/types"/>
    <xsd:import namespace="http://schemas.microsoft.com/office/infopath/2007/PartnerControls"/>
    <xsd:element name="TaxCatchAll" ma:index="11" nillable="true" ma:displayName="Taxonomy Catch All Column" ma:hidden="true" ma:list="{7fb7907f-953f-43a5-9565-131af3916f3e}" ma:internalName="TaxCatchAll" ma:showField="CatchAllData" ma:web="245eb7dc-8688-4606-8f95-de4fcf3c902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8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404f3f38-d086-41c4-9360-69785fbbe904">
      <Terms xmlns="http://schemas.microsoft.com/office/infopath/2007/PartnerControls"/>
    </lcf76f155ced4ddcb4097134ff3c332f>
    <TaxCatchAll xmlns="245eb7dc-8688-4606-8f95-de4fcf3c902e" xsi:nil="true"/>
    <_x30bf__x30b0_ xmlns="404f3f38-d086-41c4-9360-69785fbbe904" xsi:nil="true"/>
  </documentManagement>
</p:properties>
</file>

<file path=customXml/itemProps1.xml><?xml version="1.0" encoding="utf-8"?>
<ds:datastoreItem xmlns:ds="http://schemas.openxmlformats.org/officeDocument/2006/customXml" ds:itemID="{1C80C28F-F38F-4E0A-AA1C-1C68EC3AD0D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E13BD4F1-F743-4F02-94F7-4676B4AFB5B3}"/>
</file>

<file path=customXml/itemProps3.xml><?xml version="1.0" encoding="utf-8"?>
<ds:datastoreItem xmlns:ds="http://schemas.openxmlformats.org/officeDocument/2006/customXml" ds:itemID="{CD4409F2-D193-46B4-BA63-8E6CEBCA1EB8}">
  <ds:schemaRefs>
    <ds:schemaRef ds:uri="http://purl.org/dc/elements/1.1/"/>
    <ds:schemaRef ds:uri="http://purl.org/dc/dcmitype/"/>
    <ds:schemaRef ds:uri="http://schemas.microsoft.com/office/2006/documentManagement/types"/>
    <ds:schemaRef ds:uri="http://www.w3.org/XML/1998/namespace"/>
    <ds:schemaRef ds:uri="404f3f38-d086-41c4-9360-69785fbbe904"/>
    <ds:schemaRef ds:uri="http://purl.org/dc/terms/"/>
    <ds:schemaRef ds:uri="http://schemas.microsoft.com/office/infopath/2007/PartnerControls"/>
    <ds:schemaRef ds:uri="http://schemas.openxmlformats.org/package/2006/metadata/core-properties"/>
    <ds:schemaRef ds:uri="245eb7dc-8688-4606-8f95-de4fcf3c902e"/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22</vt:i4>
      </vt:variant>
    </vt:vector>
  </HeadingPairs>
  <TitlesOfParts>
    <vt:vector size="28" baseType="lpstr">
      <vt:lpstr>(1)テレ為替取扱高の推移①コア</vt:lpstr>
      <vt:lpstr>(1)②モア</vt:lpstr>
      <vt:lpstr>(1)③コアおよびモア</vt:lpstr>
      <vt:lpstr>(2)新ファイル転送取扱高の推移</vt:lpstr>
      <vt:lpstr>(3)加盟銀行数・店舗数①コア</vt:lpstr>
      <vt:lpstr>(3)②モア</vt:lpstr>
      <vt:lpstr>'(1)②モア'!Print_Area</vt:lpstr>
      <vt:lpstr>'(1)③コアおよびモア'!Print_Area</vt:lpstr>
      <vt:lpstr>'(1)テレ為替取扱高の推移①コア'!Print_Area</vt:lpstr>
      <vt:lpstr>'(2)新ファイル転送取扱高の推移'!Print_Area</vt:lpstr>
      <vt:lpstr>'(3)②モア'!Print_Area</vt:lpstr>
      <vt:lpstr>'(3)加盟銀行数・店舗数①コア'!Print_Area</vt:lpstr>
      <vt:lpstr>'(1)②モア'!前月分</vt:lpstr>
      <vt:lpstr>'(1)③コアおよびモア'!前月分</vt:lpstr>
      <vt:lpstr>'(1)テレ為替取扱高の推移①コア'!前月分</vt:lpstr>
      <vt:lpstr>'(2)新ファイル転送取扱高の推移'!前月分</vt:lpstr>
      <vt:lpstr>'(1)②モア'!前年度</vt:lpstr>
      <vt:lpstr>'(1)③コアおよびモア'!前年度</vt:lpstr>
      <vt:lpstr>'(1)テレ為替取扱高の推移①コア'!前年度</vt:lpstr>
      <vt:lpstr>'(2)新ファイル転送取扱高の推移'!前年度</vt:lpstr>
      <vt:lpstr>'(1)②モア'!当月分</vt:lpstr>
      <vt:lpstr>'(1)③コアおよびモア'!当月分</vt:lpstr>
      <vt:lpstr>'(1)テレ為替取扱高の推移①コア'!当月分</vt:lpstr>
      <vt:lpstr>'(2)新ファイル転送取扱高の推移'!当月分</vt:lpstr>
      <vt:lpstr>'(1)②モア'!当年度</vt:lpstr>
      <vt:lpstr>'(1)③コアおよびモア'!当年度</vt:lpstr>
      <vt:lpstr>'(1)テレ為替取扱高の推移①コア'!当年度</vt:lpstr>
      <vt:lpstr>'(2)新ファイル転送取扱高の推移'!当年度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/>
  <dcterms:modified xsi:type="dcterms:W3CDTF">2024-01-16T06:31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A12F8083034EE8418AE08732B5534932</vt:lpwstr>
  </property>
</Properties>
</file>